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505D42B" w14:textId="7C962084" w:rsidR="007A0969" w:rsidRDefault="006D354D" w:rsidP="001B6EB0">
      <w:pPr>
        <w:spacing w:line="240" w:lineRule="auto"/>
      </w:pPr>
      <w:sdt>
        <w:sdtPr>
          <w:alias w:val="group"/>
          <w:tag w:val="{&quot;templafy&quot;:{&quot;id&quot;:&quot;95218abb-e825-48f3-a1a6-272bb9f88529&quot;}}"/>
          <w:id w:val="446814221"/>
          <w:placeholder>
            <w:docPart w:val="6E63F732D68147BABE27CEC0065A2838"/>
          </w:placeholder>
        </w:sdtPr>
        <w:sdtEndPr/>
        <w:sdtContent>
          <w:sdt>
            <w:sdtPr>
              <w:alias w:val="Form.Bedrijfsnaam"/>
              <w:tag w:val="{&quot;templafy&quot;:{&quot;id&quot;:&quot;56db5879-fa90-466a-9ad1-2bd5b811e86d&quot;}}"/>
              <w:id w:val="178170817"/>
              <w:placeholder>
                <w:docPart w:val="6E63F732D68147BABE27CEC0065A2838"/>
              </w:placeholder>
            </w:sdtPr>
            <w:sdtEndPr/>
            <w:sdtContent>
              <w:r w:rsidR="00FF6088">
                <w:t>Vogelbescherming Nederland</w:t>
              </w:r>
            </w:sdtContent>
          </w:sdt>
        </w:sdtContent>
      </w:sdt>
    </w:p>
    <w:p w14:paraId="60831EFB" w14:textId="18399B41" w:rsidR="00EF22B7" w:rsidRDefault="006D354D" w:rsidP="001B6EB0">
      <w:pPr>
        <w:spacing w:line="240" w:lineRule="auto"/>
      </w:pPr>
      <w:sdt>
        <w:sdtPr>
          <w:alias w:val="Form.Adres"/>
          <w:tag w:val="{&quot;templafy&quot;:{&quot;id&quot;:&quot;ca2198c3-96c6-4410-b75a-e7f1c30ed49e&quot;}}"/>
          <w:id w:val="252097555"/>
          <w:placeholder>
            <w:docPart w:val="DefaultPlaceholder_-1854013440"/>
          </w:placeholder>
        </w:sdtPr>
        <w:sdtEndPr/>
        <w:sdtContent>
          <w:r w:rsidR="00FF6088">
            <w:t>Boulevard 12</w:t>
          </w:r>
        </w:sdtContent>
      </w:sdt>
    </w:p>
    <w:p w14:paraId="214872E7" w14:textId="77777777" w:rsidR="007303D2" w:rsidRDefault="006D354D" w:rsidP="001B6EB0">
      <w:pPr>
        <w:spacing w:line="240" w:lineRule="auto"/>
      </w:pPr>
      <w:sdt>
        <w:sdtPr>
          <w:alias w:val="Form.Postcode"/>
          <w:tag w:val="{&quot;templafy&quot;:{&quot;id&quot;:&quot;96e71a0f-3b70-4e82-81eb-34e2440f7b5b&quot;}}"/>
          <w:id w:val="165219436"/>
          <w:placeholder>
            <w:docPart w:val="DefaultPlaceholder_-1854013440"/>
          </w:placeholder>
        </w:sdtPr>
        <w:sdtEndPr/>
        <w:sdtContent>
          <w:r w:rsidR="00FF6088">
            <w:t>3707 BM</w:t>
          </w:r>
        </w:sdtContent>
      </w:sdt>
      <w:r w:rsidR="00C84EA9">
        <w:t xml:space="preserve">  </w:t>
      </w:r>
      <w:sdt>
        <w:sdtPr>
          <w:alias w:val="Form.Plaats"/>
          <w:tag w:val="{&quot;templafy&quot;:{&quot;id&quot;:&quot;66cd5ee6-452e-4059-b090-fe8eef68cb02&quot;}}"/>
          <w:id w:val="2070911615"/>
          <w:placeholder>
            <w:docPart w:val="DefaultPlaceholder_-1854013440"/>
          </w:placeholder>
        </w:sdtPr>
        <w:sdtEndPr/>
        <w:sdtContent>
          <w:r w:rsidR="00FF6088">
            <w:t>Zeist</w:t>
          </w:r>
        </w:sdtContent>
      </w:sdt>
    </w:p>
    <w:sdt>
      <w:sdtPr>
        <w:alias w:val="Form.Land"/>
        <w:tag w:val="{&quot;templafy&quot;:{&quot;id&quot;:&quot;43cff346-adb7-47f1-b490-a338a716fa58&quot;}}"/>
        <w:id w:val="-697546049"/>
        <w:placeholder>
          <w:docPart w:val="DefaultPlaceholder_-1854013440"/>
        </w:placeholder>
      </w:sdtPr>
      <w:sdtEndPr/>
      <w:sdtContent>
        <w:p w14:paraId="14A93622" w14:textId="6939AD2C" w:rsidR="00F1213D" w:rsidRDefault="00F307E0" w:rsidP="00F307E0">
          <w:pPr>
            <w:spacing w:line="240" w:lineRule="auto"/>
          </w:pPr>
          <w:r>
            <w:t xml:space="preserve"> </w:t>
          </w:r>
        </w:p>
      </w:sdtContent>
    </w:sdt>
    <w:tbl>
      <w:tblPr>
        <w:tblStyle w:val="Tabelraster"/>
        <w:tblW w:w="921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127"/>
        <w:gridCol w:w="141"/>
        <w:gridCol w:w="6946"/>
      </w:tblGrid>
      <w:tr w:rsidR="00F307E0" w14:paraId="4C362356" w14:textId="77777777" w:rsidTr="48589C31">
        <w:trPr>
          <w:trHeight w:val="227"/>
        </w:trPr>
        <w:tc>
          <w:tcPr>
            <w:tcW w:w="2127" w:type="dxa"/>
          </w:tcPr>
          <w:p w14:paraId="1D7F6A3C" w14:textId="77777777" w:rsidR="00F307E0" w:rsidRDefault="00F307E0" w:rsidP="003E2049">
            <w:pPr>
              <w:pStyle w:val="Geenafstand"/>
              <w:rPr>
                <w:sz w:val="18"/>
                <w:szCs w:val="18"/>
              </w:rPr>
            </w:pPr>
          </w:p>
          <w:p w14:paraId="2322E77C" w14:textId="64B5620D" w:rsidR="00F307E0" w:rsidRDefault="00F307E0" w:rsidP="003E2049">
            <w:pPr>
              <w:pStyle w:val="Geenafstand"/>
              <w:rPr>
                <w:sz w:val="18"/>
                <w:szCs w:val="18"/>
              </w:rPr>
            </w:pPr>
          </w:p>
        </w:tc>
        <w:tc>
          <w:tcPr>
            <w:tcW w:w="141" w:type="dxa"/>
          </w:tcPr>
          <w:p w14:paraId="0D17559E" w14:textId="77777777" w:rsidR="00F307E0" w:rsidRDefault="00F307E0" w:rsidP="003E2049">
            <w:pPr>
              <w:pStyle w:val="Geenafstand"/>
              <w:rPr>
                <w:sz w:val="18"/>
                <w:szCs w:val="18"/>
              </w:rPr>
            </w:pPr>
          </w:p>
        </w:tc>
        <w:tc>
          <w:tcPr>
            <w:tcW w:w="6946" w:type="dxa"/>
          </w:tcPr>
          <w:p w14:paraId="533C5282" w14:textId="77777777" w:rsidR="00F307E0" w:rsidRDefault="00F307E0" w:rsidP="003E2049">
            <w:pPr>
              <w:pStyle w:val="Geenafstand"/>
              <w:rPr>
                <w:sz w:val="18"/>
                <w:szCs w:val="18"/>
              </w:rPr>
            </w:pPr>
          </w:p>
        </w:tc>
      </w:tr>
      <w:tr w:rsidR="00F307E0" w14:paraId="38C36888" w14:textId="77777777" w:rsidTr="48589C31">
        <w:trPr>
          <w:trHeight w:val="227"/>
        </w:trPr>
        <w:tc>
          <w:tcPr>
            <w:tcW w:w="2127" w:type="dxa"/>
          </w:tcPr>
          <w:p w14:paraId="5F7C1ADE" w14:textId="379A1969" w:rsidR="00F307E0" w:rsidRPr="004E3F80" w:rsidRDefault="00F307E0" w:rsidP="003E2049">
            <w:pPr>
              <w:pStyle w:val="Geenafstand"/>
              <w:rPr>
                <w:sz w:val="18"/>
                <w:szCs w:val="18"/>
              </w:rPr>
            </w:pPr>
            <w:r>
              <w:rPr>
                <w:sz w:val="18"/>
                <w:szCs w:val="18"/>
              </w:rPr>
              <w:t>Datum</w:t>
            </w:r>
          </w:p>
        </w:tc>
        <w:tc>
          <w:tcPr>
            <w:tcW w:w="141" w:type="dxa"/>
          </w:tcPr>
          <w:p w14:paraId="371FA611" w14:textId="4EE2D097" w:rsidR="00F307E0" w:rsidRDefault="00F307E0" w:rsidP="00734E1E">
            <w:pPr>
              <w:pStyle w:val="Geenafstand"/>
              <w:rPr>
                <w:sz w:val="18"/>
                <w:szCs w:val="18"/>
              </w:rPr>
            </w:pPr>
            <w:r>
              <w:rPr>
                <w:sz w:val="18"/>
                <w:szCs w:val="18"/>
              </w:rPr>
              <w:t>:</w:t>
            </w:r>
          </w:p>
        </w:tc>
        <w:tc>
          <w:tcPr>
            <w:tcW w:w="6946" w:type="dxa"/>
          </w:tcPr>
          <w:p w14:paraId="5432B7D6" w14:textId="53566677" w:rsidR="00F307E0" w:rsidRDefault="00F307E0">
            <w:pPr>
              <w:pStyle w:val="Geenafstand"/>
              <w:rPr>
                <w:sz w:val="18"/>
                <w:szCs w:val="18"/>
              </w:rPr>
            </w:pPr>
            <w:r>
              <w:rPr>
                <w:sz w:val="18"/>
                <w:szCs w:val="18"/>
              </w:rPr>
              <w:t>1</w:t>
            </w:r>
            <w:r w:rsidR="00AE1BE3">
              <w:rPr>
                <w:sz w:val="18"/>
                <w:szCs w:val="18"/>
              </w:rPr>
              <w:t>8</w:t>
            </w:r>
            <w:r>
              <w:rPr>
                <w:sz w:val="18"/>
                <w:szCs w:val="18"/>
              </w:rPr>
              <w:t xml:space="preserve"> maart 2022</w:t>
            </w:r>
          </w:p>
        </w:tc>
      </w:tr>
      <w:tr w:rsidR="00FD3AA6" w14:paraId="2430C2A0" w14:textId="77777777" w:rsidTr="48589C31">
        <w:trPr>
          <w:trHeight w:val="227"/>
        </w:trPr>
        <w:tc>
          <w:tcPr>
            <w:tcW w:w="2127" w:type="dxa"/>
          </w:tcPr>
          <w:p w14:paraId="50B63F35" w14:textId="77777777" w:rsidR="00FD3AA6" w:rsidRPr="004E3F80" w:rsidRDefault="00704F81" w:rsidP="003E2049">
            <w:pPr>
              <w:pStyle w:val="Geenafstand"/>
              <w:rPr>
                <w:sz w:val="18"/>
                <w:szCs w:val="18"/>
              </w:rPr>
            </w:pPr>
            <w:r>
              <w:rPr>
                <w:sz w:val="18"/>
                <w:szCs w:val="18"/>
              </w:rPr>
              <w:t>Contactgegevens</w:t>
            </w:r>
          </w:p>
        </w:tc>
        <w:tc>
          <w:tcPr>
            <w:tcW w:w="141" w:type="dxa"/>
          </w:tcPr>
          <w:p w14:paraId="7AA3BB47" w14:textId="77777777" w:rsidR="00FD3AA6" w:rsidRPr="004E3F80" w:rsidRDefault="00FD3AA6" w:rsidP="00734E1E">
            <w:pPr>
              <w:pStyle w:val="Geenafstand"/>
              <w:rPr>
                <w:sz w:val="18"/>
                <w:szCs w:val="18"/>
              </w:rPr>
            </w:pPr>
            <w:r>
              <w:rPr>
                <w:sz w:val="18"/>
                <w:szCs w:val="18"/>
              </w:rPr>
              <w:t>:</w:t>
            </w:r>
          </w:p>
        </w:tc>
        <w:tc>
          <w:tcPr>
            <w:tcW w:w="6946" w:type="dxa"/>
          </w:tcPr>
          <w:sdt>
            <w:sdtPr>
              <w:rPr>
                <w:sz w:val="18"/>
                <w:szCs w:val="18"/>
              </w:rPr>
              <w:alias w:val="Form.Contactgegevens"/>
              <w:tag w:val="{&quot;templafy&quot;:{&quot;id&quot;:&quot;760c314a-bf1a-45b2-9aa1-c46599a8d078&quot;}}"/>
              <w:id w:val="745689559"/>
              <w:placeholder>
                <w:docPart w:val="DefaultPlaceholder_-1854013440"/>
              </w:placeholder>
            </w:sdtPr>
            <w:sdtEndPr/>
            <w:sdtContent>
              <w:p w14:paraId="5D4A1EA4" w14:textId="3BCF278A" w:rsidR="48589C31" w:rsidRPr="00AE1BE3" w:rsidRDefault="00F307E0" w:rsidP="00AE1BE3">
                <w:pPr>
                  <w:pStyle w:val="Geenafstand"/>
                  <w:rPr>
                    <w:sz w:val="18"/>
                    <w:szCs w:val="18"/>
                  </w:rPr>
                </w:pPr>
                <w:r w:rsidRPr="48589C31">
                  <w:rPr>
                    <w:sz w:val="18"/>
                    <w:szCs w:val="18"/>
                  </w:rPr>
                  <w:t xml:space="preserve"> mette.vreeken@vogelbescherming.nl</w:t>
                </w:r>
              </w:p>
            </w:sdtContent>
          </w:sdt>
        </w:tc>
      </w:tr>
      <w:tr w:rsidR="00FD3AA6" w14:paraId="64926274" w14:textId="77777777" w:rsidTr="48589C31">
        <w:trPr>
          <w:trHeight w:val="227"/>
        </w:trPr>
        <w:tc>
          <w:tcPr>
            <w:tcW w:w="2127" w:type="dxa"/>
          </w:tcPr>
          <w:p w14:paraId="7DA74592" w14:textId="77777777" w:rsidR="00FD3AA6" w:rsidRPr="004E3F80" w:rsidRDefault="00FD3AA6" w:rsidP="003E2049">
            <w:pPr>
              <w:pStyle w:val="Geenafstand"/>
              <w:rPr>
                <w:sz w:val="18"/>
                <w:szCs w:val="18"/>
              </w:rPr>
            </w:pPr>
            <w:r w:rsidRPr="004E3F80">
              <w:rPr>
                <w:sz w:val="18"/>
                <w:szCs w:val="18"/>
              </w:rPr>
              <w:t>Betreft</w:t>
            </w:r>
          </w:p>
        </w:tc>
        <w:tc>
          <w:tcPr>
            <w:tcW w:w="141" w:type="dxa"/>
          </w:tcPr>
          <w:p w14:paraId="1524DCE4" w14:textId="77777777" w:rsidR="00FD3AA6" w:rsidRDefault="00FD3AA6" w:rsidP="00734E1E">
            <w:pPr>
              <w:pStyle w:val="Geenafstand"/>
              <w:rPr>
                <w:sz w:val="18"/>
                <w:szCs w:val="18"/>
              </w:rPr>
            </w:pPr>
            <w:r>
              <w:rPr>
                <w:sz w:val="18"/>
                <w:szCs w:val="18"/>
              </w:rPr>
              <w:t>:</w:t>
            </w:r>
          </w:p>
        </w:tc>
        <w:tc>
          <w:tcPr>
            <w:tcW w:w="6946" w:type="dxa"/>
          </w:tcPr>
          <w:sdt>
            <w:sdtPr>
              <w:rPr>
                <w:sz w:val="18"/>
                <w:szCs w:val="18"/>
              </w:rPr>
              <w:alias w:val="Form.Betreft"/>
              <w:tag w:val="{&quot;templafy&quot;:{&quot;id&quot;:&quot;007e98e1-9695-42dc-b9fd-6b9da4ed8bfd&quot;}}"/>
              <w:id w:val="1291408271"/>
              <w:placeholder>
                <w:docPart w:val="DefaultPlaceholder_-1854013440"/>
              </w:placeholder>
            </w:sdtPr>
            <w:sdtEndPr/>
            <w:sdtContent>
              <w:p w14:paraId="423ACB34" w14:textId="77777777" w:rsidR="002A6784" w:rsidRDefault="00F307E0">
                <w:pPr>
                  <w:pStyle w:val="Geenafstand"/>
                  <w:rPr>
                    <w:sz w:val="18"/>
                    <w:szCs w:val="18"/>
                  </w:rPr>
                </w:pPr>
                <w:r>
                  <w:rPr>
                    <w:sz w:val="18"/>
                    <w:szCs w:val="18"/>
                  </w:rPr>
                  <w:t>Gefeliciteerd met uw verkiezing!</w:t>
                </w:r>
              </w:p>
            </w:sdtContent>
          </w:sdt>
          <w:p w14:paraId="6FABA89F" w14:textId="77777777" w:rsidR="48589C31" w:rsidRDefault="48589C31"/>
        </w:tc>
      </w:tr>
    </w:tbl>
    <w:p w14:paraId="0F38B256" w14:textId="77777777" w:rsidR="00F307E0" w:rsidRDefault="00F307E0" w:rsidP="00D31E72"/>
    <w:p w14:paraId="0E29AA19" w14:textId="473FB038" w:rsidR="00AC1B5F" w:rsidRDefault="00AC1B5F" w:rsidP="00D31E72">
      <w:r>
        <w:t>Geacht</w:t>
      </w:r>
      <w:r w:rsidR="00FE5F9C">
        <w:t xml:space="preserve"> </w:t>
      </w:r>
      <w:sdt>
        <w:sdtPr>
          <w:alias w:val="Form.NaamAchterAanhef"/>
          <w:tag w:val="{&quot;templafy&quot;:{&quot;id&quot;:&quot;cc263d7b-f507-499d-a8af-72a5bdc7abfb&quot;}}"/>
          <w:id w:val="1984294633"/>
          <w:placeholder>
            <w:docPart w:val="DefaultPlaceholder_-1854013440"/>
          </w:placeholder>
        </w:sdtPr>
        <w:sdtEndPr/>
        <w:sdtContent>
          <w:r>
            <w:t>raadsl</w:t>
          </w:r>
          <w:r w:rsidR="00F06A37">
            <w:t>id</w:t>
          </w:r>
        </w:sdtContent>
      </w:sdt>
      <w:r w:rsidR="003B3AF0">
        <w:t>,</w:t>
      </w:r>
    </w:p>
    <w:p w14:paraId="6F6F2BB7" w14:textId="77777777" w:rsidR="003B3AF0" w:rsidRDefault="003B3AF0" w:rsidP="00D31E72"/>
    <w:p w14:paraId="565A3B93" w14:textId="718D8CD5" w:rsidR="48589C31" w:rsidRDefault="48589C31" w:rsidP="48589C31">
      <w:pPr>
        <w:spacing w:after="160" w:line="240" w:lineRule="auto"/>
      </w:pPr>
      <w:r w:rsidRPr="48589C31">
        <w:t>Vogelbescherming Nederland feliciteert u van harte met uw verkiezing tot raadslid in uw gemeente. Voor ons is dit het moment om u te wijzen op het grote belang van een natuur- en vogelvriendelijk beleid van de gemeente. U kunt daarin een grote rol spelen als volksvertegenwoordiger. Wij helpen u daar graag mee op weg.</w:t>
      </w:r>
    </w:p>
    <w:p w14:paraId="15D9C848" w14:textId="424F1318" w:rsidR="48589C31" w:rsidRDefault="48589C31" w:rsidP="48589C31">
      <w:pPr>
        <w:spacing w:after="160" w:line="240" w:lineRule="auto"/>
      </w:pPr>
    </w:p>
    <w:p w14:paraId="10D58C58" w14:textId="66F8541C" w:rsidR="48589C31" w:rsidRDefault="48589C31" w:rsidP="48589C31">
      <w:pPr>
        <w:spacing w:after="160" w:line="240" w:lineRule="auto"/>
      </w:pPr>
      <w:r w:rsidRPr="48589C31">
        <w:t>Er is geen ander land in Europa waar de biodiversiteit de afgelopen decennia zo snel is afgenomen als in Nederland. Vooral op het boerenland, maar ook in de bebouwde omgeving. Heel veel gewone soorten planten en dieren gaan in aantal achteruit. Soorten als huismus, veldleeuwerik, haas, konijn en tal van soorten vlinders en bijen. Veel van die voorheen algemene soorten staan daarom nu zelfs op de Nederlandse Rode Lijst. Het gaat vooral om soorten die buiten de natuurgebieden hun leefgebied hebben.</w:t>
      </w:r>
    </w:p>
    <w:p w14:paraId="45204B9B" w14:textId="0F56B59D" w:rsidR="48589C31" w:rsidRDefault="48589C31" w:rsidP="48589C31">
      <w:pPr>
        <w:spacing w:after="160" w:line="240" w:lineRule="auto"/>
      </w:pPr>
    </w:p>
    <w:p w14:paraId="68FCED50" w14:textId="70CDFA20" w:rsidR="48589C31" w:rsidRDefault="48589C31" w:rsidP="48589C31">
      <w:pPr>
        <w:spacing w:after="160" w:line="240" w:lineRule="auto"/>
      </w:pPr>
      <w:r w:rsidRPr="48589C31">
        <w:rPr>
          <w:b/>
          <w:bCs/>
        </w:rPr>
        <w:t xml:space="preserve">Basiskwaliteit Natuur </w:t>
      </w:r>
      <w:r>
        <w:br/>
      </w:r>
      <w:r w:rsidRPr="48589C31">
        <w:t>Door natuur als uitgangspunt te nemen van het beleid en het beheer van de ruimte, kunnen gemeenten een belangrijke rol spelen in het herstel van de biodiversiteit. Met steun van wetenschappers en andere natuurorganisaties heeft Vogelbescherming Nederland het concept Basiskwaliteit Natuur ontwikkeld. Basiskwaliteit Natuur richt zich op verbetering van de leefomgeving waardoor juist gewone soorten planten en dieren er weer kunnen gedijen. De Tweede Kamer en het ministerie van LNV hebben het concept Basiskwaliteit Natuur inmiddels ook omarmd.</w:t>
      </w:r>
    </w:p>
    <w:p w14:paraId="43CD7334" w14:textId="4BE739FF" w:rsidR="48589C31" w:rsidRDefault="48589C31" w:rsidP="48589C31">
      <w:pPr>
        <w:spacing w:after="160" w:line="240" w:lineRule="auto"/>
      </w:pPr>
    </w:p>
    <w:p w14:paraId="6B71B9AE" w14:textId="2EA2B951" w:rsidR="48589C31" w:rsidRDefault="48589C31" w:rsidP="48589C31">
      <w:pPr>
        <w:spacing w:after="160" w:line="240" w:lineRule="auto"/>
      </w:pPr>
      <w:r w:rsidRPr="48589C31">
        <w:t>Daarbij gaat het samengevat om drie voorwaarden. De eerste daarvan is het op orde brengen van milieufactoren, zoals waterpeil en waterkwaliteit. De tweede betreft natuurvriendelijke inrichting van de ruimte, zoals het gebruik van streekeigen beplanting en de aanleg van natuurvriendelijke oevers langs watergangen. Tot slot dient ook het beheer van de ruimte zo natuurvriendelijk te zijn, zoals het beheer van bermen en ander openbaar groen.</w:t>
      </w:r>
    </w:p>
    <w:p w14:paraId="60E801CC" w14:textId="49CE7F97" w:rsidR="48589C31" w:rsidRDefault="48589C31" w:rsidP="48589C31">
      <w:pPr>
        <w:spacing w:after="160" w:line="240" w:lineRule="auto"/>
      </w:pPr>
    </w:p>
    <w:p w14:paraId="36FE08E6" w14:textId="02B4F097" w:rsidR="00AE1BE3" w:rsidRDefault="48589C31" w:rsidP="48589C31">
      <w:pPr>
        <w:spacing w:after="160" w:line="240" w:lineRule="auto"/>
      </w:pPr>
      <w:r w:rsidRPr="1EA18479">
        <w:rPr>
          <w:b/>
          <w:bCs/>
        </w:rPr>
        <w:t>Belang van een natuurvriendelijke omgeving</w:t>
      </w:r>
      <w:r>
        <w:br/>
        <w:t>Door Basiskwaliteit Natuur onderdeel te maken van het gemeentelijk beleid, zoals de Gemeentelijke Omgevingsplannen, helpt u niet alleen het voortbestaan van verschillende soorten planten en dieren. Het zorgt ook voor een groenere en gezondere leefomgeving voor bewoners. De coronapandemie heeft laten zien hoe belangrijk het is voor mensen om dicht bij huis in de natuur te kunnen ontspannen. Uit onderzoek van  </w:t>
      </w:r>
      <w:proofErr w:type="spellStart"/>
      <w:r>
        <w:t>Motivaction</w:t>
      </w:r>
      <w:proofErr w:type="spellEnd"/>
      <w:r>
        <w:t> blijkt dat maar liefst  73% van de Nederlanders vindt dat natuur onderdeel moet zijn van herstelplannen na de coronacrisis. Een natuurvriendelijke omgeving betekent niet alleen een gezond en aantrekkelijk leefklimaat voor de bewoners. Natuurvriendelijke maatregelen helpen ons ook bij andere grote uitdagingen van deze tijd, waaronder de gevolgen van klimaatverandering en de daarmee samenhangende droogte en wateroverlast.   </w:t>
      </w:r>
    </w:p>
    <w:p w14:paraId="2C5E76AC" w14:textId="5EFBF071" w:rsidR="1EA18479" w:rsidRDefault="1EA18479" w:rsidP="1EA18479">
      <w:pPr>
        <w:spacing w:after="160" w:line="240" w:lineRule="auto"/>
      </w:pPr>
    </w:p>
    <w:p w14:paraId="54462B44" w14:textId="0C731BCC" w:rsidR="48589C31" w:rsidRDefault="48589C31" w:rsidP="48589C31">
      <w:pPr>
        <w:spacing w:after="160" w:line="240" w:lineRule="auto"/>
      </w:pPr>
      <w:r w:rsidRPr="48589C31">
        <w:rPr>
          <w:b/>
          <w:bCs/>
        </w:rPr>
        <w:t xml:space="preserve">2022: het jaar van de Merel </w:t>
      </w:r>
      <w:r>
        <w:br/>
      </w:r>
      <w:r w:rsidRPr="48589C31">
        <w:t>Ook goede leefomstandigheden voor vogelsoorten dicht bij huis zijn belangrijk. Zo wil Vogelbescherming het Jaar van de Merel in 2022 graag aangrijpen om extra aandacht te vragen voor vergroening van de stedelijke leefomgeving. Want in een paar jaar tijd is bijna 30 procent van de broedende merels verdwenen, zo blijkt uit landelijke tellingen. Veel vogelliefhebbers zagen ‘hun eigen’ merel ineens niet meer. Hopelijk dragen onderzoek en publiciteit in het Jaar van de Merel dan ook bij aan een beter begrip van de kwaliteit van onze wijken, tuinen, parken en plantsoenen, voor alle vogels met wie we onze steden en dorpen delen. Kortom: de merel als ambassadeur van een gezonde en groene leefomgeving!</w:t>
      </w:r>
    </w:p>
    <w:p w14:paraId="7E37F636" w14:textId="210451BD" w:rsidR="48589C31" w:rsidRDefault="48589C31" w:rsidP="48589C31">
      <w:pPr>
        <w:spacing w:after="160" w:line="240" w:lineRule="auto"/>
      </w:pPr>
    </w:p>
    <w:p w14:paraId="6A284588" w14:textId="4AA82457" w:rsidR="48589C31" w:rsidRPr="00AE1BE3" w:rsidRDefault="48589C31" w:rsidP="48589C31">
      <w:pPr>
        <w:spacing w:after="160" w:line="240" w:lineRule="auto"/>
      </w:pPr>
      <w:r w:rsidRPr="48589C31">
        <w:t xml:space="preserve">Overigens kan bijna iedereen al beginnen om het de merel zoveel mogelijk naar de zin te maken. Want merels zijn niet zo dol op stenen en tegels.  En ook in uw gemeentelijk groenbeleid kunt u al veel doen. Want groenstroken met (liefst inheemse) struiken, bomen en gazon zijn niet alleen goed voor het welzijn van bewoners, ook de merel (en andere dieren en planten) varen er wel bij.  Op </w:t>
      </w:r>
      <w:hyperlink>
        <w:r w:rsidRPr="48589C31">
          <w:t>www.jaarvandemerel.nl</w:t>
        </w:r>
      </w:hyperlink>
      <w:r w:rsidRPr="48589C31">
        <w:t xml:space="preserve"> vindt u meer informatie over het Jaar van de Merel, en over de merel specifiek.</w:t>
      </w:r>
    </w:p>
    <w:p w14:paraId="6E260855" w14:textId="59196C7B" w:rsidR="48589C31" w:rsidRPr="00AE1BE3" w:rsidRDefault="48589C31" w:rsidP="1EA18479">
      <w:pPr>
        <w:pStyle w:val="paragraph"/>
        <w:spacing w:line="240" w:lineRule="auto"/>
        <w:rPr>
          <w:rFonts w:asciiTheme="minorHAnsi" w:eastAsiaTheme="minorEastAsia" w:hAnsiTheme="minorHAnsi" w:cstheme="minorBidi"/>
          <w:sz w:val="20"/>
          <w:szCs w:val="20"/>
        </w:rPr>
      </w:pPr>
      <w:r w:rsidRPr="1EA18479">
        <w:rPr>
          <w:rFonts w:asciiTheme="minorHAnsi" w:eastAsiaTheme="minorEastAsia" w:hAnsiTheme="minorHAnsi" w:cstheme="minorBidi"/>
          <w:sz w:val="20"/>
          <w:szCs w:val="20"/>
        </w:rPr>
        <w:t xml:space="preserve">Suggesties van Vogelbescherming om van uw gemeente een natuur- en vogelvriendelijke gemeente te maken treft u </w:t>
      </w:r>
      <w:hyperlink r:id="rId12">
        <w:r w:rsidRPr="1EA18479">
          <w:rPr>
            <w:rStyle w:val="Hyperlink"/>
            <w:rFonts w:asciiTheme="minorHAnsi" w:eastAsiaTheme="minorEastAsia" w:hAnsiTheme="minorHAnsi" w:cstheme="minorBidi"/>
            <w:sz w:val="20"/>
            <w:szCs w:val="20"/>
          </w:rPr>
          <w:t>hier</w:t>
        </w:r>
      </w:hyperlink>
      <w:r w:rsidRPr="1EA18479">
        <w:rPr>
          <w:rFonts w:asciiTheme="minorHAnsi" w:eastAsiaTheme="minorEastAsia" w:hAnsiTheme="minorHAnsi" w:cstheme="minorBidi"/>
          <w:sz w:val="20"/>
          <w:szCs w:val="20"/>
        </w:rPr>
        <w:t xml:space="preserve">. Ik hoop dat deze u verder helpen. Mocht u vragen hebben, dan staat mijn collega Mette </w:t>
      </w:r>
      <w:proofErr w:type="spellStart"/>
      <w:r w:rsidRPr="1EA18479">
        <w:rPr>
          <w:rFonts w:asciiTheme="minorHAnsi" w:eastAsiaTheme="minorEastAsia" w:hAnsiTheme="minorHAnsi" w:cstheme="minorBidi"/>
          <w:sz w:val="20"/>
          <w:szCs w:val="20"/>
        </w:rPr>
        <w:t>Vreeken</w:t>
      </w:r>
      <w:proofErr w:type="spellEnd"/>
      <w:r w:rsidRPr="1EA18479">
        <w:rPr>
          <w:rFonts w:asciiTheme="minorHAnsi" w:eastAsiaTheme="minorEastAsia" w:hAnsiTheme="minorHAnsi" w:cstheme="minorBidi"/>
          <w:sz w:val="20"/>
          <w:szCs w:val="20"/>
        </w:rPr>
        <w:t xml:space="preserve"> (</w:t>
      </w:r>
      <w:hyperlink r:id="rId13">
        <w:r w:rsidRPr="1EA18479">
          <w:rPr>
            <w:rFonts w:asciiTheme="minorHAnsi" w:eastAsiaTheme="minorEastAsia" w:hAnsiTheme="minorHAnsi" w:cstheme="minorBidi"/>
            <w:sz w:val="20"/>
            <w:szCs w:val="20"/>
          </w:rPr>
          <w:t>mette.vreeken@vogelbescherming.nl</w:t>
        </w:r>
      </w:hyperlink>
      <w:r w:rsidRPr="1EA18479">
        <w:rPr>
          <w:rFonts w:asciiTheme="minorHAnsi" w:eastAsiaTheme="minorEastAsia" w:hAnsiTheme="minorHAnsi" w:cstheme="minorBidi"/>
          <w:sz w:val="20"/>
          <w:szCs w:val="20"/>
        </w:rPr>
        <w:t xml:space="preserve"> / 06-51 59 60 69) u graag te woord. </w:t>
      </w:r>
    </w:p>
    <w:p w14:paraId="38DC3671" w14:textId="480EC8C8" w:rsidR="008C75D5" w:rsidRDefault="008C75D5" w:rsidP="00D31E72"/>
    <w:p w14:paraId="1B2E950E" w14:textId="0DAACEAC" w:rsidR="008C75D5" w:rsidRDefault="008C75D5" w:rsidP="00D31E72">
      <w:pPr>
        <w:sectPr w:rsidR="008C75D5" w:rsidSect="002264CC">
          <w:footerReference w:type="default" r:id="rId14"/>
          <w:headerReference w:type="first" r:id="rId15"/>
          <w:type w:val="continuous"/>
          <w:pgSz w:w="11906" w:h="16838" w:code="9"/>
          <w:pgMar w:top="2778" w:right="1701" w:bottom="1701" w:left="1701" w:header="709" w:footer="697" w:gutter="0"/>
          <w:paperSrc w:first="3" w:other="2"/>
          <w:cols w:space="708"/>
          <w:formProt w:val="0"/>
          <w:titlePg/>
          <w:docGrid w:linePitch="360"/>
        </w:sectPr>
      </w:pPr>
    </w:p>
    <w:p w14:paraId="24161D44" w14:textId="6659F2E5" w:rsidR="004C72D4" w:rsidRDefault="00D31E72" w:rsidP="00D31E72">
      <w:pPr>
        <w:rPr>
          <w:color w:val="000000" w:themeColor="text1"/>
        </w:rPr>
      </w:pPr>
      <w:r>
        <w:rPr>
          <w:color w:val="000000" w:themeColor="text1"/>
        </w:rPr>
        <w:t>Met vriendelijke groet,</w:t>
      </w:r>
    </w:p>
    <w:p w14:paraId="1BBA6625" w14:textId="77777777" w:rsidR="00D31E72" w:rsidRDefault="00D31E72" w:rsidP="00D31E72">
      <w:pPr>
        <w:rPr>
          <w:color w:val="000000" w:themeColor="text1"/>
        </w:rPr>
      </w:pPr>
    </w:p>
    <w:sdt>
      <w:sdtPr>
        <w:rPr>
          <w:color w:val="000000" w:themeColor="text1"/>
        </w:rPr>
        <w:alias w:val="Form.NaamOndertekenaar"/>
        <w:tag w:val="{&quot;templafy&quot;:{&quot;id&quot;:&quot;8d1bbb3e-9623-4150-82e4-43011106e547&quot;}}"/>
        <w:id w:val="-247113319"/>
        <w:placeholder>
          <w:docPart w:val="DefaultPlaceholder_-1854013440"/>
        </w:placeholder>
      </w:sdtPr>
      <w:sdtEndPr/>
      <w:sdtContent>
        <w:p w14:paraId="58ED638B" w14:textId="13B70372" w:rsidR="002A6784" w:rsidRDefault="004C72D4">
          <w:pPr>
            <w:rPr>
              <w:color w:val="000000" w:themeColor="text1"/>
            </w:rPr>
          </w:pPr>
          <w:r>
            <w:rPr>
              <w:color w:val="000000" w:themeColor="text1"/>
            </w:rPr>
            <w:t xml:space="preserve">Manon </w:t>
          </w:r>
          <w:proofErr w:type="spellStart"/>
          <w:r>
            <w:rPr>
              <w:color w:val="000000" w:themeColor="text1"/>
            </w:rPr>
            <w:t>Tentij</w:t>
          </w:r>
          <w:proofErr w:type="spellEnd"/>
        </w:p>
      </w:sdtContent>
    </w:sdt>
    <w:p w14:paraId="2610BDFD" w14:textId="664029B2" w:rsidR="002A6784" w:rsidRDefault="006D354D">
      <w:sdt>
        <w:sdtPr>
          <w:alias w:val="Form.FunctieOndertekenaar"/>
          <w:tag w:val="{&quot;templafy&quot;:{&quot;id&quot;:&quot;7c3000a8-8049-4ed4-9469-ec21fa8e0789&quot;}}"/>
          <w:id w:val="-1914079345"/>
          <w:placeholder>
            <w:docPart w:val="DefaultPlaceholder_-1854013440"/>
          </w:placeholder>
        </w:sdtPr>
        <w:sdtEndPr/>
        <w:sdtContent>
          <w:r w:rsidR="004C72D4">
            <w:t>Hoofd Bescherming</w:t>
          </w:r>
        </w:sdtContent>
      </w:sdt>
      <w:r w:rsidR="00D97C3E">
        <w:t xml:space="preserve"> Vogelbescherming Nederland</w:t>
      </w:r>
    </w:p>
    <w:sectPr w:rsidR="002A6784" w:rsidSect="002264CC">
      <w:type w:val="continuous"/>
      <w:pgSz w:w="11906" w:h="16838" w:code="9"/>
      <w:pgMar w:top="2778" w:right="1701" w:bottom="1701" w:left="1701" w:header="709" w:footer="697" w:gutter="0"/>
      <w:paperSrc w:first="3" w:other="2"/>
      <w:cols w:space="708"/>
      <w:formProt w:val="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30E149A" w14:textId="77777777" w:rsidR="005C69F3" w:rsidRDefault="005C69F3" w:rsidP="00D259C9">
      <w:pPr>
        <w:spacing w:line="240" w:lineRule="auto"/>
      </w:pPr>
      <w:r>
        <w:separator/>
      </w:r>
    </w:p>
  </w:endnote>
  <w:endnote w:type="continuationSeparator" w:id="0">
    <w:p w14:paraId="0DFF19D5" w14:textId="77777777" w:rsidR="005C69F3" w:rsidRDefault="005C69F3" w:rsidP="00D259C9">
      <w:pPr>
        <w:spacing w:line="240" w:lineRule="auto"/>
      </w:pPr>
      <w:r>
        <w:continuationSeparator/>
      </w:r>
    </w:p>
  </w:endnote>
  <w:endnote w:type="continuationNotice" w:id="1">
    <w:p w14:paraId="133D8E3E" w14:textId="77777777" w:rsidR="005C69F3" w:rsidRDefault="005C69F3">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rbel">
    <w:panose1 w:val="020B0503020204020204"/>
    <w:charset w:val="00"/>
    <w:family w:val="swiss"/>
    <w:pitch w:val="variable"/>
    <w:sig w:usb0="A00002EF" w:usb1="4000A44B" w:usb2="00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119076"/>
      <w:docPartObj>
        <w:docPartGallery w:val="Page Numbers (Bottom of Page)"/>
        <w:docPartUnique/>
      </w:docPartObj>
    </w:sdtPr>
    <w:sdtEndPr/>
    <w:sdtContent>
      <w:p w14:paraId="733F6862" w14:textId="77777777" w:rsidR="00AC1B5F" w:rsidRDefault="00AC1B5F">
        <w:pPr>
          <w:pStyle w:val="Voettekst"/>
          <w:jc w:val="right"/>
        </w:pPr>
        <w:r>
          <w:fldChar w:fldCharType="begin"/>
        </w:r>
        <w:r>
          <w:instrText>PAGE   \* MERGEFORMAT</w:instrText>
        </w:r>
        <w:r>
          <w:fldChar w:fldCharType="separate"/>
        </w:r>
        <w:r w:rsidR="00734E1E">
          <w:rPr>
            <w:noProof/>
          </w:rPr>
          <w:t>2</w:t>
        </w:r>
        <w:r>
          <w:fldChar w:fldCharType="end"/>
        </w:r>
      </w:p>
    </w:sdtContent>
  </w:sdt>
  <w:p w14:paraId="629479FA" w14:textId="77777777" w:rsidR="00AC1B5F" w:rsidRDefault="00AC1B5F">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0DA5EB7" w14:textId="77777777" w:rsidR="005C69F3" w:rsidRDefault="005C69F3" w:rsidP="00D259C9">
      <w:pPr>
        <w:spacing w:line="240" w:lineRule="auto"/>
      </w:pPr>
      <w:r>
        <w:separator/>
      </w:r>
    </w:p>
  </w:footnote>
  <w:footnote w:type="continuationSeparator" w:id="0">
    <w:p w14:paraId="495427D0" w14:textId="77777777" w:rsidR="005C69F3" w:rsidRDefault="005C69F3" w:rsidP="00D259C9">
      <w:pPr>
        <w:spacing w:line="240" w:lineRule="auto"/>
      </w:pPr>
      <w:r>
        <w:continuationSeparator/>
      </w:r>
    </w:p>
  </w:footnote>
  <w:footnote w:type="continuationNotice" w:id="1">
    <w:p w14:paraId="4FA751BC" w14:textId="77777777" w:rsidR="005C69F3" w:rsidRDefault="005C69F3">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85B272" w14:textId="77777777" w:rsidR="004C4D28" w:rsidRDefault="00F90AAB">
    <w:pPr>
      <w:pStyle w:val="Koptekst"/>
    </w:pPr>
    <w:r>
      <w:rPr>
        <w:noProof/>
        <w:lang w:eastAsia="nl-NL"/>
      </w:rPr>
      <w:drawing>
        <wp:anchor distT="0" distB="0" distL="114300" distR="114300" simplePos="0" relativeHeight="251658240" behindDoc="1" locked="0" layoutInCell="1" allowOverlap="1" wp14:anchorId="74F08EC8" wp14:editId="4BA2803F">
          <wp:simplePos x="0" y="0"/>
          <wp:positionH relativeFrom="margin">
            <wp:posOffset>-476250</wp:posOffset>
          </wp:positionH>
          <wp:positionV relativeFrom="page">
            <wp:posOffset>544830</wp:posOffset>
          </wp:positionV>
          <wp:extent cx="1641010" cy="768263"/>
          <wp:effectExtent l="0" t="0" r="0" b="0"/>
          <wp:wrapNone/>
          <wp:docPr id="1"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VBN LOGO RGB.emf"/>
                  <pic:cNvPicPr/>
                </pic:nvPicPr>
                <pic:blipFill>
                  <a:blip r:embed="rId1">
                    <a:extLst>
                      <a:ext uri="{28A0092B-C50C-407E-A947-70E740481C1C}">
                        <a14:useLocalDpi xmlns:a14="http://schemas.microsoft.com/office/drawing/2010/main" val="0"/>
                      </a:ext>
                    </a:extLst>
                  </a:blip>
                  <a:stretch>
                    <a:fillRect/>
                  </a:stretch>
                </pic:blipFill>
                <pic:spPr>
                  <a:xfrm>
                    <a:off x="0" y="0"/>
                    <a:ext cx="1641010" cy="768263"/>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8"/>
    <w:multiLevelType w:val="singleLevel"/>
    <w:tmpl w:val="4BAEA056"/>
    <w:lvl w:ilvl="0">
      <w:start w:val="1"/>
      <w:numFmt w:val="decimal"/>
      <w:lvlText w:val="%1."/>
      <w:lvlJc w:val="left"/>
      <w:pPr>
        <w:tabs>
          <w:tab w:val="num" w:pos="360"/>
        </w:tabs>
        <w:ind w:left="360" w:hanging="360"/>
      </w:pPr>
    </w:lvl>
  </w:abstractNum>
  <w:abstractNum w:abstractNumId="1" w15:restartNumberingAfterBreak="0">
    <w:nsid w:val="2D3A4B1D"/>
    <w:multiLevelType w:val="multilevel"/>
    <w:tmpl w:val="B2864CD0"/>
    <w:styleLink w:val="BulletsVogelbescherming"/>
    <w:lvl w:ilvl="0">
      <w:start w:val="1"/>
      <w:numFmt w:val="bullet"/>
      <w:pStyle w:val="Lijstalinea"/>
      <w:lvlText w:val="-"/>
      <w:lvlJc w:val="left"/>
      <w:pPr>
        <w:ind w:left="227" w:hanging="227"/>
      </w:pPr>
      <w:rPr>
        <w:rFonts w:ascii="Times New Roman" w:hAnsi="Times New Roman" w:cs="Times New Roman" w:hint="default"/>
        <w:sz w:val="20"/>
      </w:rPr>
    </w:lvl>
    <w:lvl w:ilvl="1">
      <w:start w:val="1"/>
      <w:numFmt w:val="bullet"/>
      <w:lvlText w:val="•"/>
      <w:lvlJc w:val="left"/>
      <w:pPr>
        <w:ind w:left="454" w:hanging="227"/>
      </w:pPr>
      <w:rPr>
        <w:rFonts w:ascii="Times New Roman" w:hAnsi="Times New Roman" w:cs="Times New Roman" w:hint="default"/>
      </w:rPr>
    </w:lvl>
    <w:lvl w:ilvl="2">
      <w:start w:val="1"/>
      <w:numFmt w:val="bullet"/>
      <w:lvlText w:val="·"/>
      <w:lvlJc w:val="left"/>
      <w:pPr>
        <w:ind w:left="681" w:hanging="227"/>
      </w:pPr>
      <w:rPr>
        <w:rFonts w:ascii="Arial" w:hAnsi="Arial" w:hint="default"/>
      </w:rPr>
    </w:lvl>
    <w:lvl w:ilvl="3">
      <w:start w:val="1"/>
      <w:numFmt w:val="bullet"/>
      <w:lvlText w:val="•"/>
      <w:lvlJc w:val="left"/>
      <w:pPr>
        <w:ind w:left="908" w:hanging="227"/>
      </w:pPr>
      <w:rPr>
        <w:rFonts w:asciiTheme="minorHAnsi" w:hAnsiTheme="minorHAnsi" w:hint="default"/>
      </w:rPr>
    </w:lvl>
    <w:lvl w:ilvl="4">
      <w:start w:val="1"/>
      <w:numFmt w:val="bullet"/>
      <w:lvlText w:val="•"/>
      <w:lvlJc w:val="left"/>
      <w:pPr>
        <w:ind w:left="1135" w:hanging="227"/>
      </w:pPr>
      <w:rPr>
        <w:rFonts w:asciiTheme="minorHAnsi" w:hAnsiTheme="minorHAnsi" w:hint="default"/>
      </w:rPr>
    </w:lvl>
    <w:lvl w:ilvl="5">
      <w:start w:val="1"/>
      <w:numFmt w:val="bullet"/>
      <w:lvlText w:val="•"/>
      <w:lvlJc w:val="left"/>
      <w:pPr>
        <w:ind w:left="1362" w:hanging="227"/>
      </w:pPr>
      <w:rPr>
        <w:rFonts w:asciiTheme="minorHAnsi" w:hAnsiTheme="minorHAnsi" w:hint="default"/>
      </w:rPr>
    </w:lvl>
    <w:lvl w:ilvl="6">
      <w:start w:val="1"/>
      <w:numFmt w:val="bullet"/>
      <w:lvlText w:val="•"/>
      <w:lvlJc w:val="left"/>
      <w:pPr>
        <w:ind w:left="1589" w:hanging="227"/>
      </w:pPr>
      <w:rPr>
        <w:rFonts w:asciiTheme="minorHAnsi" w:hAnsiTheme="minorHAnsi" w:hint="default"/>
      </w:rPr>
    </w:lvl>
    <w:lvl w:ilvl="7">
      <w:start w:val="1"/>
      <w:numFmt w:val="bullet"/>
      <w:lvlText w:val="•"/>
      <w:lvlJc w:val="left"/>
      <w:pPr>
        <w:ind w:left="1816" w:hanging="227"/>
      </w:pPr>
      <w:rPr>
        <w:rFonts w:asciiTheme="minorHAnsi" w:hAnsiTheme="minorHAnsi" w:hint="default"/>
      </w:rPr>
    </w:lvl>
    <w:lvl w:ilvl="8">
      <w:start w:val="1"/>
      <w:numFmt w:val="bullet"/>
      <w:lvlText w:val="•"/>
      <w:lvlJc w:val="left"/>
      <w:pPr>
        <w:ind w:left="2043" w:hanging="227"/>
      </w:pPr>
      <w:rPr>
        <w:rFonts w:asciiTheme="minorHAnsi" w:hAnsiTheme="minorHAnsi" w:hint="default"/>
      </w:rPr>
    </w:lvl>
  </w:abstractNum>
  <w:abstractNum w:abstractNumId="2" w15:restartNumberingAfterBreak="0">
    <w:nsid w:val="5CA61E6D"/>
    <w:multiLevelType w:val="multilevel"/>
    <w:tmpl w:val="71EC0D92"/>
    <w:styleLink w:val="GenummerdelijstVogelbescherming"/>
    <w:lvl w:ilvl="0">
      <w:start w:val="1"/>
      <w:numFmt w:val="decimal"/>
      <w:pStyle w:val="Lijstnummering"/>
      <w:lvlText w:val="%1."/>
      <w:lvlJc w:val="left"/>
      <w:pPr>
        <w:ind w:left="227" w:hanging="227"/>
      </w:pPr>
      <w:rPr>
        <w:rFonts w:hint="default"/>
        <w:b w:val="0"/>
      </w:rPr>
    </w:lvl>
    <w:lvl w:ilvl="1">
      <w:start w:val="1"/>
      <w:numFmt w:val="lowerLetter"/>
      <w:lvlText w:val="%2."/>
      <w:lvlJc w:val="left"/>
      <w:pPr>
        <w:ind w:left="454" w:hanging="227"/>
      </w:pPr>
      <w:rPr>
        <w:rFonts w:hint="default"/>
      </w:rPr>
    </w:lvl>
    <w:lvl w:ilvl="2">
      <w:start w:val="1"/>
      <w:numFmt w:val="bullet"/>
      <w:lvlText w:val="·"/>
      <w:lvlJc w:val="left"/>
      <w:pPr>
        <w:ind w:left="681" w:hanging="227"/>
      </w:pPr>
      <w:rPr>
        <w:rFonts w:ascii="Times New Roman" w:hAnsi="Times New Roman" w:cs="Times New Roman" w:hint="default"/>
      </w:rPr>
    </w:lvl>
    <w:lvl w:ilvl="3">
      <w:start w:val="1"/>
      <w:numFmt w:val="decimal"/>
      <w:lvlText w:val="(%4)"/>
      <w:lvlJc w:val="left"/>
      <w:pPr>
        <w:ind w:left="908" w:hanging="227"/>
      </w:pPr>
      <w:rPr>
        <w:rFonts w:hint="default"/>
      </w:rPr>
    </w:lvl>
    <w:lvl w:ilvl="4">
      <w:start w:val="1"/>
      <w:numFmt w:val="lowerLetter"/>
      <w:lvlText w:val="(%5)"/>
      <w:lvlJc w:val="left"/>
      <w:pPr>
        <w:ind w:left="1135" w:hanging="227"/>
      </w:pPr>
      <w:rPr>
        <w:rFonts w:hint="default"/>
      </w:rPr>
    </w:lvl>
    <w:lvl w:ilvl="5">
      <w:start w:val="1"/>
      <w:numFmt w:val="lowerRoman"/>
      <w:lvlText w:val="(%6)"/>
      <w:lvlJc w:val="left"/>
      <w:pPr>
        <w:ind w:left="1362" w:hanging="227"/>
      </w:pPr>
      <w:rPr>
        <w:rFonts w:hint="default"/>
      </w:rPr>
    </w:lvl>
    <w:lvl w:ilvl="6">
      <w:start w:val="1"/>
      <w:numFmt w:val="decimal"/>
      <w:lvlText w:val="%7."/>
      <w:lvlJc w:val="left"/>
      <w:pPr>
        <w:ind w:left="1589" w:hanging="227"/>
      </w:pPr>
      <w:rPr>
        <w:rFonts w:hint="default"/>
      </w:rPr>
    </w:lvl>
    <w:lvl w:ilvl="7">
      <w:start w:val="1"/>
      <w:numFmt w:val="lowerLetter"/>
      <w:lvlText w:val="%8."/>
      <w:lvlJc w:val="left"/>
      <w:pPr>
        <w:ind w:left="1816" w:hanging="227"/>
      </w:pPr>
      <w:rPr>
        <w:rFonts w:hint="default"/>
      </w:rPr>
    </w:lvl>
    <w:lvl w:ilvl="8">
      <w:start w:val="1"/>
      <w:numFmt w:val="lowerRoman"/>
      <w:lvlText w:val="%9."/>
      <w:lvlJc w:val="left"/>
      <w:pPr>
        <w:ind w:left="2043" w:hanging="227"/>
      </w:pPr>
      <w:rPr>
        <w:rFonts w:hint="default"/>
      </w:rPr>
    </w:lvl>
  </w:abstractNum>
  <w:abstractNum w:abstractNumId="3" w15:restartNumberingAfterBreak="0">
    <w:nsid w:val="6AFF1717"/>
    <w:multiLevelType w:val="hybridMultilevel"/>
    <w:tmpl w:val="FFB0867A"/>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77F25B45"/>
    <w:multiLevelType w:val="multilevel"/>
    <w:tmpl w:val="71EC0D92"/>
    <w:numStyleLink w:val="GenummerdelijstVogelbescherming"/>
  </w:abstractNum>
  <w:num w:numId="1">
    <w:abstractNumId w:val="1"/>
  </w:num>
  <w:num w:numId="2">
    <w:abstractNumId w:val="2"/>
  </w:num>
  <w:num w:numId="3">
    <w:abstractNumId w:val="4"/>
  </w:num>
  <w:num w:numId="4">
    <w:abstractNumId w:val="0"/>
  </w:num>
  <w:num w:numId="5">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documentProtection w:edit="forms" w:enforcement="0"/>
  <w:defaultTabStop w:val="708"/>
  <w:hyphenationZone w:val="425"/>
  <w:characterSpacingControl w:val="doNotCompress"/>
  <w:hdrShapeDefaults>
    <o:shapedefaults v:ext="edit" spidmax="4097"/>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065CC"/>
    <w:rsid w:val="00045E57"/>
    <w:rsid w:val="0006272C"/>
    <w:rsid w:val="00071C5C"/>
    <w:rsid w:val="00087A0F"/>
    <w:rsid w:val="00093E45"/>
    <w:rsid w:val="0009443B"/>
    <w:rsid w:val="00094592"/>
    <w:rsid w:val="00096103"/>
    <w:rsid w:val="000B0849"/>
    <w:rsid w:val="000B3C9C"/>
    <w:rsid w:val="000B6F86"/>
    <w:rsid w:val="000D4F07"/>
    <w:rsid w:val="000E27BF"/>
    <w:rsid w:val="000E3D18"/>
    <w:rsid w:val="00100D73"/>
    <w:rsid w:val="0012262A"/>
    <w:rsid w:val="00125C8D"/>
    <w:rsid w:val="001331CE"/>
    <w:rsid w:val="0013514B"/>
    <w:rsid w:val="0015141B"/>
    <w:rsid w:val="001518DD"/>
    <w:rsid w:val="001617B4"/>
    <w:rsid w:val="00165279"/>
    <w:rsid w:val="00191BF9"/>
    <w:rsid w:val="001B6EB0"/>
    <w:rsid w:val="001B7A9C"/>
    <w:rsid w:val="001C1E75"/>
    <w:rsid w:val="001C49CC"/>
    <w:rsid w:val="001D470E"/>
    <w:rsid w:val="001E6B20"/>
    <w:rsid w:val="001F1382"/>
    <w:rsid w:val="00215242"/>
    <w:rsid w:val="002264CC"/>
    <w:rsid w:val="00236D10"/>
    <w:rsid w:val="00237533"/>
    <w:rsid w:val="00240F0B"/>
    <w:rsid w:val="00243A50"/>
    <w:rsid w:val="002622A4"/>
    <w:rsid w:val="00291CD5"/>
    <w:rsid w:val="002A6784"/>
    <w:rsid w:val="002A75B7"/>
    <w:rsid w:val="002B2B3A"/>
    <w:rsid w:val="002B495E"/>
    <w:rsid w:val="002F1118"/>
    <w:rsid w:val="00311177"/>
    <w:rsid w:val="00320F15"/>
    <w:rsid w:val="00322BAF"/>
    <w:rsid w:val="00333574"/>
    <w:rsid w:val="003370FB"/>
    <w:rsid w:val="00394B5C"/>
    <w:rsid w:val="003B3AF0"/>
    <w:rsid w:val="003D43C9"/>
    <w:rsid w:val="003E2049"/>
    <w:rsid w:val="00404321"/>
    <w:rsid w:val="004121B0"/>
    <w:rsid w:val="0042354F"/>
    <w:rsid w:val="00431DC9"/>
    <w:rsid w:val="00474F4A"/>
    <w:rsid w:val="00475DCC"/>
    <w:rsid w:val="00482A2A"/>
    <w:rsid w:val="004850B8"/>
    <w:rsid w:val="0048687A"/>
    <w:rsid w:val="004A5D5C"/>
    <w:rsid w:val="004B10C5"/>
    <w:rsid w:val="004B39E3"/>
    <w:rsid w:val="004C49E7"/>
    <w:rsid w:val="004C4D28"/>
    <w:rsid w:val="004C72D4"/>
    <w:rsid w:val="004D12C6"/>
    <w:rsid w:val="004D72A1"/>
    <w:rsid w:val="004E2D8E"/>
    <w:rsid w:val="004E3F80"/>
    <w:rsid w:val="00512D35"/>
    <w:rsid w:val="00516F9C"/>
    <w:rsid w:val="00533C0E"/>
    <w:rsid w:val="00544D91"/>
    <w:rsid w:val="00553BB4"/>
    <w:rsid w:val="00553EDB"/>
    <w:rsid w:val="00564247"/>
    <w:rsid w:val="00577699"/>
    <w:rsid w:val="005A5DEB"/>
    <w:rsid w:val="005B0587"/>
    <w:rsid w:val="005B3EFE"/>
    <w:rsid w:val="005B5E7F"/>
    <w:rsid w:val="005C69F3"/>
    <w:rsid w:val="005E2B2C"/>
    <w:rsid w:val="005E4F3C"/>
    <w:rsid w:val="005F4F01"/>
    <w:rsid w:val="00613035"/>
    <w:rsid w:val="00614A45"/>
    <w:rsid w:val="00646558"/>
    <w:rsid w:val="006641DB"/>
    <w:rsid w:val="0066581A"/>
    <w:rsid w:val="00667A47"/>
    <w:rsid w:val="00675704"/>
    <w:rsid w:val="0068336C"/>
    <w:rsid w:val="006843E6"/>
    <w:rsid w:val="00690787"/>
    <w:rsid w:val="00697737"/>
    <w:rsid w:val="006A37EF"/>
    <w:rsid w:val="006A6635"/>
    <w:rsid w:val="006C1D0A"/>
    <w:rsid w:val="006D0E5E"/>
    <w:rsid w:val="006D354D"/>
    <w:rsid w:val="006E5213"/>
    <w:rsid w:val="00704F81"/>
    <w:rsid w:val="00720DE8"/>
    <w:rsid w:val="00723D07"/>
    <w:rsid w:val="007250B0"/>
    <w:rsid w:val="007303D2"/>
    <w:rsid w:val="00734E1E"/>
    <w:rsid w:val="0074323D"/>
    <w:rsid w:val="00744E11"/>
    <w:rsid w:val="007753B2"/>
    <w:rsid w:val="007953FD"/>
    <w:rsid w:val="007A0969"/>
    <w:rsid w:val="007D051E"/>
    <w:rsid w:val="00802052"/>
    <w:rsid w:val="008119A7"/>
    <w:rsid w:val="00823950"/>
    <w:rsid w:val="00855A18"/>
    <w:rsid w:val="0085735C"/>
    <w:rsid w:val="00881929"/>
    <w:rsid w:val="00882CC9"/>
    <w:rsid w:val="00887411"/>
    <w:rsid w:val="0088769F"/>
    <w:rsid w:val="00887978"/>
    <w:rsid w:val="00891F4F"/>
    <w:rsid w:val="008A2AF6"/>
    <w:rsid w:val="008B1326"/>
    <w:rsid w:val="008B2F7F"/>
    <w:rsid w:val="008C75D5"/>
    <w:rsid w:val="008D5A15"/>
    <w:rsid w:val="009108C5"/>
    <w:rsid w:val="0093089C"/>
    <w:rsid w:val="00940C29"/>
    <w:rsid w:val="00954F8D"/>
    <w:rsid w:val="009566F3"/>
    <w:rsid w:val="0096791F"/>
    <w:rsid w:val="00967965"/>
    <w:rsid w:val="00973A9A"/>
    <w:rsid w:val="00974883"/>
    <w:rsid w:val="00992237"/>
    <w:rsid w:val="009973C9"/>
    <w:rsid w:val="009A017C"/>
    <w:rsid w:val="009A1DBE"/>
    <w:rsid w:val="009A6745"/>
    <w:rsid w:val="009B1C8F"/>
    <w:rsid w:val="009B1FC8"/>
    <w:rsid w:val="009C7836"/>
    <w:rsid w:val="009F453F"/>
    <w:rsid w:val="00A04C98"/>
    <w:rsid w:val="00A065CC"/>
    <w:rsid w:val="00A10E9B"/>
    <w:rsid w:val="00A138CE"/>
    <w:rsid w:val="00A22F73"/>
    <w:rsid w:val="00A3696E"/>
    <w:rsid w:val="00A747C9"/>
    <w:rsid w:val="00A90368"/>
    <w:rsid w:val="00A967DA"/>
    <w:rsid w:val="00AA4A6F"/>
    <w:rsid w:val="00AB2358"/>
    <w:rsid w:val="00AB52C7"/>
    <w:rsid w:val="00AC1B5F"/>
    <w:rsid w:val="00AC5382"/>
    <w:rsid w:val="00AD7317"/>
    <w:rsid w:val="00AE1BE3"/>
    <w:rsid w:val="00B068E3"/>
    <w:rsid w:val="00B27E55"/>
    <w:rsid w:val="00B67D97"/>
    <w:rsid w:val="00BC01CD"/>
    <w:rsid w:val="00BC0204"/>
    <w:rsid w:val="00BC6A0B"/>
    <w:rsid w:val="00BE0353"/>
    <w:rsid w:val="00BE41ED"/>
    <w:rsid w:val="00C01479"/>
    <w:rsid w:val="00C2396E"/>
    <w:rsid w:val="00C31A3D"/>
    <w:rsid w:val="00C413DD"/>
    <w:rsid w:val="00C60428"/>
    <w:rsid w:val="00C75ED8"/>
    <w:rsid w:val="00C84EA9"/>
    <w:rsid w:val="00CA5F67"/>
    <w:rsid w:val="00CA6206"/>
    <w:rsid w:val="00CC0E5F"/>
    <w:rsid w:val="00CC1750"/>
    <w:rsid w:val="00CD2EBD"/>
    <w:rsid w:val="00CF4F27"/>
    <w:rsid w:val="00CF5381"/>
    <w:rsid w:val="00D259C9"/>
    <w:rsid w:val="00D31A8A"/>
    <w:rsid w:val="00D31E72"/>
    <w:rsid w:val="00D33079"/>
    <w:rsid w:val="00D70E27"/>
    <w:rsid w:val="00D73496"/>
    <w:rsid w:val="00D82929"/>
    <w:rsid w:val="00D82A51"/>
    <w:rsid w:val="00D97C3E"/>
    <w:rsid w:val="00DA20A4"/>
    <w:rsid w:val="00DA7740"/>
    <w:rsid w:val="00DC02BF"/>
    <w:rsid w:val="00DE39D0"/>
    <w:rsid w:val="00DF463F"/>
    <w:rsid w:val="00E152B3"/>
    <w:rsid w:val="00E16A75"/>
    <w:rsid w:val="00E31E66"/>
    <w:rsid w:val="00E42981"/>
    <w:rsid w:val="00E56E06"/>
    <w:rsid w:val="00E5744C"/>
    <w:rsid w:val="00E617DF"/>
    <w:rsid w:val="00E87023"/>
    <w:rsid w:val="00E97427"/>
    <w:rsid w:val="00EC1635"/>
    <w:rsid w:val="00EC574C"/>
    <w:rsid w:val="00EC68D4"/>
    <w:rsid w:val="00EF22B7"/>
    <w:rsid w:val="00EF6ED6"/>
    <w:rsid w:val="00F06A37"/>
    <w:rsid w:val="00F11470"/>
    <w:rsid w:val="00F1213D"/>
    <w:rsid w:val="00F158C7"/>
    <w:rsid w:val="00F22254"/>
    <w:rsid w:val="00F307E0"/>
    <w:rsid w:val="00F63720"/>
    <w:rsid w:val="00F67F5E"/>
    <w:rsid w:val="00F76BFD"/>
    <w:rsid w:val="00F80BA2"/>
    <w:rsid w:val="00F875B2"/>
    <w:rsid w:val="00F90AAB"/>
    <w:rsid w:val="00F940E4"/>
    <w:rsid w:val="00F9585C"/>
    <w:rsid w:val="00FA0864"/>
    <w:rsid w:val="00FA5DB4"/>
    <w:rsid w:val="00FB2801"/>
    <w:rsid w:val="00FC5780"/>
    <w:rsid w:val="00FD3AA6"/>
    <w:rsid w:val="00FE0FC0"/>
    <w:rsid w:val="00FE5F9C"/>
    <w:rsid w:val="00FF6088"/>
    <w:rsid w:val="1D29A0B7"/>
    <w:rsid w:val="1EA18479"/>
    <w:rsid w:val="23A824D4"/>
    <w:rsid w:val="2543F535"/>
    <w:rsid w:val="287B95F7"/>
    <w:rsid w:val="48589C31"/>
    <w:rsid w:val="52F368A8"/>
    <w:rsid w:val="77E58643"/>
    <w:rsid w:val="78F272D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1E707AEE"/>
  <w15:chartTrackingRefBased/>
  <w15:docId w15:val="{0628C6D2-3B60-442E-B88B-D696A370BD9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ajorHAnsi" w:eastAsiaTheme="minorHAnsi" w:hAnsiTheme="majorHAnsi" w:cstheme="minorBidi"/>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D82929"/>
    <w:pPr>
      <w:spacing w:after="0" w:line="264" w:lineRule="auto"/>
      <w:contextualSpacing/>
    </w:pPr>
  </w:style>
  <w:style w:type="paragraph" w:styleId="Kop1">
    <w:name w:val="heading 1"/>
    <w:basedOn w:val="Standaard"/>
    <w:next w:val="Standaard"/>
    <w:link w:val="Kop1Char"/>
    <w:uiPriority w:val="9"/>
    <w:qFormat/>
    <w:rsid w:val="00DA7740"/>
    <w:pPr>
      <w:keepNext/>
      <w:keepLines/>
      <w:outlineLvl w:val="0"/>
    </w:pPr>
    <w:rPr>
      <w:rFonts w:eastAsiaTheme="majorEastAsia" w:cstheme="majorBidi"/>
      <w:b/>
      <w:sz w:val="22"/>
      <w:szCs w:val="32"/>
    </w:rPr>
  </w:style>
  <w:style w:type="paragraph" w:styleId="Kop2">
    <w:name w:val="heading 2"/>
    <w:basedOn w:val="Standaard"/>
    <w:next w:val="Standaard"/>
    <w:link w:val="Kop2Char"/>
    <w:uiPriority w:val="9"/>
    <w:unhideWhenUsed/>
    <w:qFormat/>
    <w:rsid w:val="00DA7740"/>
    <w:pPr>
      <w:keepNext/>
      <w:keepLines/>
      <w:outlineLvl w:val="1"/>
    </w:pPr>
    <w:rPr>
      <w:rFonts w:eastAsiaTheme="majorEastAsia" w:cstheme="majorBidi"/>
      <w:b/>
      <w:szCs w:val="26"/>
    </w:rPr>
  </w:style>
  <w:style w:type="paragraph" w:styleId="Kop3">
    <w:name w:val="heading 3"/>
    <w:basedOn w:val="Standaard"/>
    <w:next w:val="Standaard"/>
    <w:link w:val="Kop3Char"/>
    <w:uiPriority w:val="9"/>
    <w:unhideWhenUsed/>
    <w:qFormat/>
    <w:rsid w:val="00DA7740"/>
    <w:pPr>
      <w:keepNext/>
      <w:keepLines/>
      <w:outlineLvl w:val="2"/>
    </w:pPr>
    <w:rPr>
      <w:rFonts w:eastAsiaTheme="majorEastAsia" w:cstheme="majorBidi"/>
      <w:i/>
      <w:szCs w:val="24"/>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855A18"/>
    <w:pPr>
      <w:spacing w:line="240" w:lineRule="auto"/>
    </w:pPr>
  </w:style>
  <w:style w:type="character" w:customStyle="1" w:styleId="KoptekstChar">
    <w:name w:val="Koptekst Char"/>
    <w:basedOn w:val="Standaardalinea-lettertype"/>
    <w:link w:val="Koptekst"/>
    <w:uiPriority w:val="99"/>
    <w:rsid w:val="00855A18"/>
  </w:style>
  <w:style w:type="paragraph" w:styleId="Voettekst">
    <w:name w:val="footer"/>
    <w:basedOn w:val="Standaard"/>
    <w:link w:val="VoettekstChar"/>
    <w:uiPriority w:val="99"/>
    <w:unhideWhenUsed/>
    <w:rsid w:val="00855A18"/>
    <w:pPr>
      <w:spacing w:line="240" w:lineRule="auto"/>
    </w:pPr>
  </w:style>
  <w:style w:type="character" w:customStyle="1" w:styleId="VoettekstChar">
    <w:name w:val="Voettekst Char"/>
    <w:basedOn w:val="Standaardalinea-lettertype"/>
    <w:link w:val="Voettekst"/>
    <w:uiPriority w:val="99"/>
    <w:rsid w:val="00855A18"/>
  </w:style>
  <w:style w:type="table" w:styleId="Tabelraster">
    <w:name w:val="Table Grid"/>
    <w:basedOn w:val="Standaardtabel"/>
    <w:uiPriority w:val="39"/>
    <w:rsid w:val="00855A1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sid w:val="00855A18"/>
    <w:rPr>
      <w:color w:val="808080"/>
    </w:rPr>
  </w:style>
  <w:style w:type="paragraph" w:styleId="Geenafstand">
    <w:name w:val="No Spacing"/>
    <w:uiPriority w:val="1"/>
    <w:qFormat/>
    <w:rsid w:val="00855A18"/>
    <w:pPr>
      <w:spacing w:after="0" w:line="240" w:lineRule="auto"/>
    </w:pPr>
  </w:style>
  <w:style w:type="character" w:customStyle="1" w:styleId="Kop1Char">
    <w:name w:val="Kop 1 Char"/>
    <w:basedOn w:val="Standaardalinea-lettertype"/>
    <w:link w:val="Kop1"/>
    <w:uiPriority w:val="9"/>
    <w:rsid w:val="00DA7740"/>
    <w:rPr>
      <w:rFonts w:eastAsiaTheme="majorEastAsia" w:cstheme="majorBidi"/>
      <w:b/>
      <w:sz w:val="22"/>
      <w:szCs w:val="32"/>
    </w:rPr>
  </w:style>
  <w:style w:type="character" w:customStyle="1" w:styleId="Kop2Char">
    <w:name w:val="Kop 2 Char"/>
    <w:basedOn w:val="Standaardalinea-lettertype"/>
    <w:link w:val="Kop2"/>
    <w:uiPriority w:val="9"/>
    <w:rsid w:val="00DA7740"/>
    <w:rPr>
      <w:rFonts w:eastAsiaTheme="majorEastAsia" w:cstheme="majorBidi"/>
      <w:b/>
      <w:szCs w:val="26"/>
    </w:rPr>
  </w:style>
  <w:style w:type="character" w:customStyle="1" w:styleId="Kop3Char">
    <w:name w:val="Kop 3 Char"/>
    <w:basedOn w:val="Standaardalinea-lettertype"/>
    <w:link w:val="Kop3"/>
    <w:uiPriority w:val="9"/>
    <w:rsid w:val="00DA7740"/>
    <w:rPr>
      <w:rFonts w:eastAsiaTheme="majorEastAsia" w:cstheme="majorBidi"/>
      <w:i/>
      <w:szCs w:val="24"/>
    </w:rPr>
  </w:style>
  <w:style w:type="paragraph" w:styleId="Lijstalinea">
    <w:name w:val="List Paragraph"/>
    <w:basedOn w:val="Standaard"/>
    <w:uiPriority w:val="34"/>
    <w:qFormat/>
    <w:rsid w:val="00DA7740"/>
    <w:pPr>
      <w:numPr>
        <w:numId w:val="1"/>
      </w:numPr>
      <w:jc w:val="both"/>
    </w:pPr>
    <w:rPr>
      <w:color w:val="000000" w:themeColor="text1"/>
      <w:lang w:val="en-US"/>
    </w:rPr>
  </w:style>
  <w:style w:type="numbering" w:customStyle="1" w:styleId="BulletsVogelbescherming">
    <w:name w:val="Bullets Vogelbescherming"/>
    <w:uiPriority w:val="99"/>
    <w:rsid w:val="000B0849"/>
    <w:pPr>
      <w:numPr>
        <w:numId w:val="1"/>
      </w:numPr>
    </w:pPr>
  </w:style>
  <w:style w:type="numbering" w:customStyle="1" w:styleId="GenummerdelijstVogelbescherming">
    <w:name w:val="Genummerde lijst Vogelbescherming"/>
    <w:uiPriority w:val="99"/>
    <w:rsid w:val="00DA7740"/>
    <w:pPr>
      <w:numPr>
        <w:numId w:val="2"/>
      </w:numPr>
    </w:pPr>
  </w:style>
  <w:style w:type="paragraph" w:styleId="Lijstnummering">
    <w:name w:val="List Number"/>
    <w:basedOn w:val="Standaard"/>
    <w:uiPriority w:val="99"/>
    <w:unhideWhenUsed/>
    <w:qFormat/>
    <w:rsid w:val="00DA7740"/>
    <w:pPr>
      <w:numPr>
        <w:numId w:val="3"/>
      </w:numPr>
    </w:pPr>
  </w:style>
  <w:style w:type="paragraph" w:styleId="Titel">
    <w:name w:val="Title"/>
    <w:basedOn w:val="Standaard"/>
    <w:next w:val="Standaard"/>
    <w:link w:val="TitelChar"/>
    <w:uiPriority w:val="10"/>
    <w:rsid w:val="00DA7740"/>
    <w:pPr>
      <w:spacing w:line="240" w:lineRule="auto"/>
    </w:pPr>
    <w:rPr>
      <w:rFonts w:eastAsiaTheme="majorEastAsia" w:cstheme="majorBidi"/>
      <w:kern w:val="28"/>
      <w:sz w:val="56"/>
      <w:szCs w:val="56"/>
    </w:rPr>
  </w:style>
  <w:style w:type="character" w:customStyle="1" w:styleId="TitelChar">
    <w:name w:val="Titel Char"/>
    <w:basedOn w:val="Standaardalinea-lettertype"/>
    <w:link w:val="Titel"/>
    <w:uiPriority w:val="10"/>
    <w:rsid w:val="00DA7740"/>
    <w:rPr>
      <w:rFonts w:eastAsiaTheme="majorEastAsia" w:cstheme="majorBidi"/>
      <w:kern w:val="28"/>
      <w:sz w:val="56"/>
      <w:szCs w:val="56"/>
    </w:rPr>
  </w:style>
  <w:style w:type="paragraph" w:styleId="Ondertitel">
    <w:name w:val="Subtitle"/>
    <w:basedOn w:val="Standaard"/>
    <w:next w:val="Standaard"/>
    <w:link w:val="OndertitelChar"/>
    <w:uiPriority w:val="11"/>
    <w:rsid w:val="00DA7740"/>
    <w:pPr>
      <w:numPr>
        <w:ilvl w:val="1"/>
      </w:numPr>
      <w:spacing w:after="160"/>
    </w:pPr>
    <w:rPr>
      <w:rFonts w:asciiTheme="minorHAnsi" w:eastAsiaTheme="minorEastAsia" w:hAnsiTheme="minorHAnsi"/>
      <w:color w:val="5A5A5A" w:themeColor="text1" w:themeTint="A5"/>
      <w:sz w:val="22"/>
      <w:szCs w:val="22"/>
    </w:rPr>
  </w:style>
  <w:style w:type="character" w:customStyle="1" w:styleId="OndertitelChar">
    <w:name w:val="Ondertitel Char"/>
    <w:basedOn w:val="Standaardalinea-lettertype"/>
    <w:link w:val="Ondertitel"/>
    <w:uiPriority w:val="11"/>
    <w:rsid w:val="00DA7740"/>
    <w:rPr>
      <w:rFonts w:asciiTheme="minorHAnsi" w:eastAsiaTheme="minorEastAsia" w:hAnsiTheme="minorHAnsi"/>
      <w:color w:val="5A5A5A" w:themeColor="text1" w:themeTint="A5"/>
      <w:sz w:val="22"/>
      <w:szCs w:val="22"/>
    </w:rPr>
  </w:style>
  <w:style w:type="paragraph" w:styleId="Citaat">
    <w:name w:val="Quote"/>
    <w:basedOn w:val="Standaard"/>
    <w:next w:val="Standaard"/>
    <w:link w:val="CitaatChar"/>
    <w:uiPriority w:val="29"/>
    <w:qFormat/>
    <w:rsid w:val="00DA7740"/>
    <w:pPr>
      <w:spacing w:before="120" w:after="120"/>
    </w:pPr>
    <w:rPr>
      <w:i/>
      <w:iCs/>
    </w:rPr>
  </w:style>
  <w:style w:type="character" w:customStyle="1" w:styleId="CitaatChar">
    <w:name w:val="Citaat Char"/>
    <w:basedOn w:val="Standaardalinea-lettertype"/>
    <w:link w:val="Citaat"/>
    <w:uiPriority w:val="29"/>
    <w:rsid w:val="00DA7740"/>
    <w:rPr>
      <w:i/>
      <w:iCs/>
    </w:rPr>
  </w:style>
  <w:style w:type="paragraph" w:styleId="Voetnoottekst">
    <w:name w:val="footnote text"/>
    <w:basedOn w:val="Standaard"/>
    <w:link w:val="VoetnoottekstChar"/>
    <w:uiPriority w:val="99"/>
    <w:semiHidden/>
    <w:unhideWhenUsed/>
    <w:rsid w:val="00F11470"/>
    <w:pPr>
      <w:spacing w:line="240" w:lineRule="auto"/>
    </w:pPr>
  </w:style>
  <w:style w:type="character" w:customStyle="1" w:styleId="VoetnoottekstChar">
    <w:name w:val="Voetnoottekst Char"/>
    <w:basedOn w:val="Standaardalinea-lettertype"/>
    <w:link w:val="Voetnoottekst"/>
    <w:uiPriority w:val="99"/>
    <w:semiHidden/>
    <w:rsid w:val="00F11470"/>
  </w:style>
  <w:style w:type="character" w:styleId="Voetnootmarkering">
    <w:name w:val="footnote reference"/>
    <w:basedOn w:val="Standaardalinea-lettertype"/>
    <w:unhideWhenUsed/>
    <w:rsid w:val="00F11470"/>
    <w:rPr>
      <w:vertAlign w:val="superscript"/>
    </w:rPr>
  </w:style>
  <w:style w:type="paragraph" w:styleId="Ballontekst">
    <w:name w:val="Balloon Text"/>
    <w:basedOn w:val="Standaard"/>
    <w:link w:val="BallontekstChar"/>
    <w:uiPriority w:val="99"/>
    <w:semiHidden/>
    <w:unhideWhenUsed/>
    <w:rsid w:val="005A5DEB"/>
    <w:pPr>
      <w:spacing w:line="240" w:lineRule="auto"/>
    </w:pPr>
    <w:rPr>
      <w:rFonts w:ascii="Segoe UI" w:hAnsi="Segoe UI" w:cs="Segoe UI"/>
      <w:sz w:val="18"/>
      <w:szCs w:val="18"/>
    </w:rPr>
  </w:style>
  <w:style w:type="character" w:customStyle="1" w:styleId="BallontekstChar">
    <w:name w:val="Ballontekst Char"/>
    <w:basedOn w:val="Standaardalinea-lettertype"/>
    <w:link w:val="Ballontekst"/>
    <w:uiPriority w:val="99"/>
    <w:semiHidden/>
    <w:rsid w:val="005A5DEB"/>
    <w:rPr>
      <w:rFonts w:ascii="Segoe UI" w:hAnsi="Segoe UI" w:cs="Segoe UI"/>
      <w:sz w:val="18"/>
      <w:szCs w:val="18"/>
    </w:rPr>
  </w:style>
  <w:style w:type="character" w:styleId="Hyperlink">
    <w:name w:val="Hyperlink"/>
    <w:basedOn w:val="Standaardalinea-lettertype"/>
    <w:uiPriority w:val="99"/>
    <w:unhideWhenUsed/>
    <w:rsid w:val="00553EDB"/>
    <w:rPr>
      <w:color w:val="000000" w:themeColor="hyperlink"/>
      <w:u w:val="single"/>
    </w:rPr>
  </w:style>
  <w:style w:type="paragraph" w:styleId="Revisie">
    <w:name w:val="Revision"/>
    <w:hidden/>
    <w:uiPriority w:val="99"/>
    <w:semiHidden/>
    <w:rsid w:val="00B67D97"/>
    <w:pPr>
      <w:spacing w:after="0" w:line="240" w:lineRule="auto"/>
    </w:pPr>
  </w:style>
  <w:style w:type="character" w:styleId="Verwijzingopmerking">
    <w:name w:val="annotation reference"/>
    <w:basedOn w:val="Standaardalinea-lettertype"/>
    <w:uiPriority w:val="99"/>
    <w:semiHidden/>
    <w:unhideWhenUsed/>
    <w:rsid w:val="00B67D97"/>
    <w:rPr>
      <w:sz w:val="16"/>
      <w:szCs w:val="16"/>
    </w:rPr>
  </w:style>
  <w:style w:type="paragraph" w:styleId="Tekstopmerking">
    <w:name w:val="annotation text"/>
    <w:basedOn w:val="Standaard"/>
    <w:link w:val="TekstopmerkingChar"/>
    <w:uiPriority w:val="99"/>
    <w:semiHidden/>
    <w:unhideWhenUsed/>
    <w:rsid w:val="00B67D97"/>
    <w:pPr>
      <w:spacing w:line="240" w:lineRule="auto"/>
    </w:pPr>
  </w:style>
  <w:style w:type="character" w:customStyle="1" w:styleId="TekstopmerkingChar">
    <w:name w:val="Tekst opmerking Char"/>
    <w:basedOn w:val="Standaardalinea-lettertype"/>
    <w:link w:val="Tekstopmerking"/>
    <w:uiPriority w:val="99"/>
    <w:semiHidden/>
    <w:rsid w:val="00B67D97"/>
  </w:style>
  <w:style w:type="paragraph" w:styleId="Onderwerpvanopmerking">
    <w:name w:val="annotation subject"/>
    <w:basedOn w:val="Tekstopmerking"/>
    <w:next w:val="Tekstopmerking"/>
    <w:link w:val="OnderwerpvanopmerkingChar"/>
    <w:uiPriority w:val="99"/>
    <w:semiHidden/>
    <w:unhideWhenUsed/>
    <w:rsid w:val="00B67D97"/>
    <w:rPr>
      <w:b/>
      <w:bCs/>
    </w:rPr>
  </w:style>
  <w:style w:type="character" w:customStyle="1" w:styleId="OnderwerpvanopmerkingChar">
    <w:name w:val="Onderwerp van opmerking Char"/>
    <w:basedOn w:val="TekstopmerkingChar"/>
    <w:link w:val="Onderwerpvanopmerking"/>
    <w:uiPriority w:val="99"/>
    <w:semiHidden/>
    <w:rsid w:val="00B67D97"/>
    <w:rPr>
      <w:b/>
      <w:bCs/>
    </w:rPr>
  </w:style>
  <w:style w:type="character" w:styleId="Onopgelostemelding">
    <w:name w:val="Unresolved Mention"/>
    <w:basedOn w:val="Standaardalinea-lettertype"/>
    <w:uiPriority w:val="99"/>
    <w:semiHidden/>
    <w:unhideWhenUsed/>
    <w:rsid w:val="00243A50"/>
    <w:rPr>
      <w:color w:val="605E5C"/>
      <w:shd w:val="clear" w:color="auto" w:fill="E1DFDD"/>
    </w:rPr>
  </w:style>
  <w:style w:type="character" w:styleId="GevolgdeHyperlink">
    <w:name w:val="FollowedHyperlink"/>
    <w:basedOn w:val="Standaardalinea-lettertype"/>
    <w:uiPriority w:val="99"/>
    <w:semiHidden/>
    <w:unhideWhenUsed/>
    <w:rsid w:val="00614A45"/>
    <w:rPr>
      <w:color w:val="7F7F7F" w:themeColor="followedHyperlink"/>
      <w:u w:val="single"/>
    </w:rPr>
  </w:style>
  <w:style w:type="paragraph" w:customStyle="1" w:styleId="paragraph">
    <w:name w:val="paragraph"/>
    <w:basedOn w:val="Standaard"/>
    <w:uiPriority w:val="1"/>
    <w:rsid w:val="48589C31"/>
    <w:pPr>
      <w:spacing w:beforeAutospacing="1" w:afterAutospacing="1"/>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mailto:mette.vreeken@vogelbescherming.n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vogelbescherming.nl/docs/cfaab017-1c93-456b-bcbc-176104946015.pdf" TargetMode="Externa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Algemeen"/>
          <w:gallery w:val="placeholder"/>
        </w:category>
        <w:types>
          <w:type w:val="bbPlcHdr"/>
        </w:types>
        <w:behaviors>
          <w:behavior w:val="content"/>
        </w:behaviors>
        <w:guid w:val="{048D42A8-75DF-4CA7-8381-E34F4EC3BC7D}"/>
      </w:docPartPr>
      <w:docPartBody>
        <w:p w:rsidR="001D2C06" w:rsidRDefault="00431DC9">
          <w:r w:rsidRPr="003553AD">
            <w:rPr>
              <w:rStyle w:val="Tekstvantijdelijkeaanduiding"/>
            </w:rPr>
            <w:t>Klik of tik om tekst in te voeren.</w:t>
          </w:r>
        </w:p>
      </w:docPartBody>
    </w:docPart>
    <w:docPart>
      <w:docPartPr>
        <w:name w:val="6E63F732D68147BABE27CEC0065A2838"/>
        <w:category>
          <w:name w:val="Algemeen"/>
          <w:gallery w:val="placeholder"/>
        </w:category>
        <w:types>
          <w:type w:val="bbPlcHdr"/>
        </w:types>
        <w:behaviors>
          <w:behavior w:val="content"/>
        </w:behaviors>
        <w:guid w:val="{2704BEF9-3775-4F4D-9DCC-3BE89D9E33D9}"/>
      </w:docPartPr>
      <w:docPartBody>
        <w:p w:rsidR="001E7070" w:rsidRDefault="00236D10" w:rsidP="00236D10">
          <w:pPr>
            <w:pStyle w:val="6E63F732D68147BABE27CEC0065A2838"/>
          </w:pPr>
          <w:r w:rsidRPr="00183DA8">
            <w:rPr>
              <w:rStyle w:val="Tekstvantijdelijkeaanduiding"/>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rbel">
    <w:panose1 w:val="020B0503020204020204"/>
    <w:charset w:val="00"/>
    <w:family w:val="swiss"/>
    <w:pitch w:val="variable"/>
    <w:sig w:usb0="A00002EF" w:usb1="4000A44B" w:usb2="00000000" w:usb3="00000000" w:csb0="000001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B611A"/>
    <w:rsid w:val="00005F01"/>
    <w:rsid w:val="0002255B"/>
    <w:rsid w:val="00066BB5"/>
    <w:rsid w:val="0009539F"/>
    <w:rsid w:val="000D307A"/>
    <w:rsid w:val="000D4BF2"/>
    <w:rsid w:val="00132F54"/>
    <w:rsid w:val="00141738"/>
    <w:rsid w:val="001D2C06"/>
    <w:rsid w:val="001E7070"/>
    <w:rsid w:val="00206C9D"/>
    <w:rsid w:val="00236D10"/>
    <w:rsid w:val="002B32E2"/>
    <w:rsid w:val="003D7ED4"/>
    <w:rsid w:val="00431DC9"/>
    <w:rsid w:val="004E0251"/>
    <w:rsid w:val="005557DF"/>
    <w:rsid w:val="005B611A"/>
    <w:rsid w:val="005D5A86"/>
    <w:rsid w:val="00611D20"/>
    <w:rsid w:val="006F0370"/>
    <w:rsid w:val="007D64D0"/>
    <w:rsid w:val="007E6EFB"/>
    <w:rsid w:val="008206F7"/>
    <w:rsid w:val="008636BC"/>
    <w:rsid w:val="009000F4"/>
    <w:rsid w:val="00A739EC"/>
    <w:rsid w:val="00B05BFE"/>
    <w:rsid w:val="00B406BC"/>
    <w:rsid w:val="00BE0939"/>
    <w:rsid w:val="00C52CB5"/>
    <w:rsid w:val="00D40787"/>
    <w:rsid w:val="00D46BF2"/>
    <w:rsid w:val="00F16764"/>
    <w:rsid w:val="00F56778"/>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5B611A"/>
    <w:rPr>
      <w:rFonts w:cs="Times New Roman"/>
      <w:sz w:val="3276"/>
      <w:szCs w:val="3276"/>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236D10"/>
    <w:rPr>
      <w:color w:val="808080"/>
    </w:rPr>
  </w:style>
  <w:style w:type="paragraph" w:customStyle="1" w:styleId="6E63F732D68147BABE27CEC0065A2838">
    <w:name w:val="6E63F732D68147BABE27CEC0065A2838"/>
    <w:rsid w:val="00236D1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antoorthema">
  <a:themeElements>
    <a:clrScheme name="Vogelbescherming">
      <a:dk1>
        <a:srgbClr val="000000"/>
      </a:dk1>
      <a:lt1>
        <a:sysClr val="window" lastClr="FFFFFF"/>
      </a:lt1>
      <a:dk2>
        <a:srgbClr val="D4C540"/>
      </a:dk2>
      <a:lt2>
        <a:srgbClr val="F5D22E"/>
      </a:lt2>
      <a:accent1>
        <a:srgbClr val="E87B1E"/>
      </a:accent1>
      <a:accent2>
        <a:srgbClr val="ED1941"/>
      </a:accent2>
      <a:accent3>
        <a:srgbClr val="00669E"/>
      </a:accent3>
      <a:accent4>
        <a:srgbClr val="3BBAE2"/>
      </a:accent4>
      <a:accent5>
        <a:srgbClr val="00A77E"/>
      </a:accent5>
      <a:accent6>
        <a:srgbClr val="25A937"/>
      </a:accent6>
      <a:hlink>
        <a:srgbClr val="000000"/>
      </a:hlink>
      <a:folHlink>
        <a:srgbClr val="7F7F7F"/>
      </a:folHlink>
    </a:clrScheme>
    <a:fontScheme name="Corbel">
      <a:majorFont>
        <a:latin typeface="Corbel" panose="020B0503020204020204"/>
        <a:ea typeface=""/>
        <a:cs typeface=""/>
        <a:font script="Jpan" typeface="HGｺﾞｼｯｸM"/>
        <a:font script="Hang" typeface="HY엽서L"/>
        <a:font script="Hans" typeface="华文楷体"/>
        <a:font script="Hant" typeface="新細明體"/>
        <a:font script="Arab" typeface="Tahoma"/>
        <a:font script="Hebr" typeface="Miriam"/>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Corbel" panose="020B0503020204020204"/>
        <a:ea typeface=""/>
        <a:cs typeface=""/>
        <a:font script="Jpan" typeface="HGｺﾞｼｯｸM"/>
        <a:font script="Hang" typeface="HY엽서L"/>
        <a:font script="Hans" typeface="华文楷体"/>
        <a:font script="Hant" typeface="新細明體"/>
        <a:font script="Arab" typeface="Tahoma"/>
        <a:font script="Hebr" typeface="Miriam"/>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Subtiel effen">
      <a:fillStyleLst>
        <a:solidFill>
          <a:schemeClr val="phClr"/>
        </a:solidFill>
        <a:solidFill>
          <a:schemeClr val="phClr">
            <a:tint val="65000"/>
          </a:schemeClr>
        </a:solidFill>
        <a:solidFill>
          <a:schemeClr val="phClr">
            <a:shade val="80000"/>
            <a:satMod val="15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2700" h="25400" prst="coolSlant"/>
          </a:sp3d>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6D2E06F89CBF174DB6E54C708978B4D0" ma:contentTypeVersion="9" ma:contentTypeDescription="Een nieuw document maken." ma:contentTypeScope="" ma:versionID="0759ca7bba4370c21d1a0316bcb830de">
  <xsd:schema xmlns:xsd="http://www.w3.org/2001/XMLSchema" xmlns:xs="http://www.w3.org/2001/XMLSchema" xmlns:p="http://schemas.microsoft.com/office/2006/metadata/properties" xmlns:ns2="297f7b9a-a5e1-4e2c-8cd3-c9b10db00d42" xmlns:ns3="f2f02d35-513b-4075-95f2-c892befd36c7" targetNamespace="http://schemas.microsoft.com/office/2006/metadata/properties" ma:root="true" ma:fieldsID="2d9c82f5e8f31572abe4ab69bd4e9877" ns2:_="" ns3:_="">
    <xsd:import namespace="297f7b9a-a5e1-4e2c-8cd3-c9b10db00d42"/>
    <xsd:import namespace="f2f02d35-513b-4075-95f2-c892befd36c7"/>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AutoTags" minOccurs="0"/>
                <xsd:element ref="ns2:MediaServiceGenerationTime" minOccurs="0"/>
                <xsd:element ref="ns2:MediaServiceEventHashCode"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97f7b9a-a5e1-4e2c-8cd3-c9b10db00d4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2f02d35-513b-4075-95f2-c892befd36c7" elementFormDefault="qualified">
    <xsd:import namespace="http://schemas.microsoft.com/office/2006/documentManagement/types"/>
    <xsd:import namespace="http://schemas.microsoft.com/office/infopath/2007/PartnerControls"/>
    <xsd:element name="SharedWithUsers" ma:index="10"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TemplateConfiguration><![CDATA[{"elementsMetadata":[{"type":"richTextContentControl","id":"95218abb-e825-48f3-a1a6-272bb9f88529","elementConfiguration":{"visibility":{"action":"hide","binding":"Form.Bedrijfsnaam","operator":"equals","compareValue":""},"disableUpdates":false,"type":"group"}},{"type":"richTextContentControl","id":"56db5879-fa90-466a-9ad1-2bd5b811e86d","elementConfiguration":{"binding":"Form.Bedrijfsnaam","removeAndKeepContent":false,"disableUpdates":false,"type":"text"}},{"type":"richTextContentControl","id":"2a95b915-07cc-481d-b010-7d650b5230f4","elementConfiguration":{"visibility":{"action":"hide","binding":"Form.Afdeling","operator":"equals","compareValue":""},"disableUpdates":false,"type":"group"}},{"type":"richTextContentControl","id":"f119489e-a60f-422c-995d-8b80ad80a080","elementConfiguration":{"binding":"Form.Afdeling","removeAndKeepContent":false,"disableUpdates":false,"type":"text"}},{"type":"richTextContentControl","id":"f12f5ceb-6f39-434b-9d4f-976206487646","elementConfiguration":{"visibility":{"action":"hide","binding":"Form.Naam","operator":"equals","compareValue":""},"disableUpdates":false,"type":"group"}},{"type":"richTextContentControl","id":"a1463f86-f79a-433b-9eb7-ddfa823111dc","elementConfiguration":{"binding":"Form.Naam","removeAndKeepContent":false,"disableUpdates":false,"type":"text"}},{"type":"richTextContentControl","id":"ca2198c3-96c6-4410-b75a-e7f1c30ed49e","elementConfiguration":{"binding":"Form.Adres","removeAndKeepContent":false,"disableUpdates":false,"type":"text"}},{"type":"richTextContentControl","id":"96e71a0f-3b70-4e82-81eb-34e2440f7b5b","elementConfiguration":{"binding":"Form.Postcode","removeAndKeepContent":false,"disableUpdates":false,"type":"text"}},{"type":"richTextContentControl","id":"66cd5ee6-452e-4059-b090-fe8eef68cb02","elementConfiguration":{"binding":"Form.Plaats","removeAndKeepContent":false,"disableUpdates":false,"type":"text"}},{"type":"richTextContentControl","id":"43cff346-adb7-47f1-b490-a338a716fa58","elementConfiguration":{"binding":"Form.Land","removeAndKeepContent":false,"disableUpdates":false,"type":"text"}},{"type":"richTextContentControl","id":"f8f54f9e-935a-488d-b201-4058391ddf74","elementConfiguration":{"format":"{{DateFormats.GeneralDate}}","binding":"Form.Datum","removeAndKeepContent":false,"disableUpdates":false,"type":"date"}},{"type":"richTextContentControl","id":"8ecd059a-e76a-4601-85c0-627922c3edd9","elementConfiguration":{"binding":"Form.Kenmerk","removeAndKeepContent":false,"disableUpdates":false,"type":"text"}},{"type":"richTextContentControl","id":"3dcc7ec9-5791-452a-b8d2-fd4b43f54ede","elementConfiguration":{"binding":"Form.UwKenmerk","removeAndKeepContent":false,"disableUpdates":false,"type":"text"}},{"type":"richTextContentControl","id":"760c314a-bf1a-45b2-9aa1-c46599a8d078","elementConfiguration":{"binding":"Form.Contactgegevens","removeAndKeepContent":false,"disableUpdates":false,"type":"text"}},{"type":"richTextContentControl","id":"007e98e1-9695-42dc-b9fd-6b9da4ed8bfd","elementConfiguration":{"binding":"Form.Betreft","removeAndKeepContent":false,"disableUpdates":false,"type":"text"}},{"type":"richTextContentControl","id":"bd88f42f-7e21-450a-9229-5261917db23c","elementConfiguration":{"binding":"Form.Aanhef.Aanhef","removeAndKeepContent":false,"disableUpdates":false,"type":"text"}},{"type":"richTextContentControl","id":"cc263d7b-f507-499d-a8af-72a5bdc7abfb","elementConfiguration":{"binding":"Form.NaamAchterAanhef","removeAndKeepContent":false,"disableUpdates":false,"type":"text"}},{"type":"richTextContentControl","id":"e105787a-0ca2-48cd-bd08-400e81c6da6b","elementConfiguration":{"binding":"Form.AanhefBeste","removeAndKeepContent":false,"disableUpdates":false,"type":"text"}},{"type":"richTextContentControl","id":"8d1bbb3e-9623-4150-82e4-43011106e547","elementConfiguration":{"binding":"Form.NaamOndertekenaar","removeAndKeepContent":false,"disableUpdates":false,"type":"text"}},{"type":"richTextContentControl","id":"7c3000a8-8049-4ed4-9469-ec21fa8e0789","elementConfiguration":{"binding":"Form.FunctieOndertekenaar","removeAndKeepContent":false,"disableUpdates":false,"type":"text"}}],"transformationConfigurations":[],"isBaseTemplate":false,"templateName":"Brief met logo voor verzending via Email","templateDescription":"","enableDocumentContentUpdater":true,"version":"1.12"}]]></TemplafyTemplateConfiguration>
</file>

<file path=customXml/item5.xml><?xml version="1.0" encoding="utf-8"?>
<TemplafyFormConfiguration><![CDATA[{"formFields":[{"helpTexts":{"prefix":"","postfix":""},"spacing":{},"type":"heading","name":"Adresgegevens","label":"Adresgegevens","fullyQualifiedName":"Adresgegevens"},{"required":false,"placeholder":"","lines":0,"helpTexts":{"prefix":"","postfix":""},"spacing":{},"type":"textBox","name":"Bedrijfsnaam","label":"Bedrijfsnaam","fullyQualifiedName":"Bedrijfsnaam"},{"required":false,"placeholder":"","lines":0,"helpTexts":{"prefix":"","postfix":""},"spacing":{},"type":"textBox","name":"Afdeling","label":"Afdeling","fullyQualifiedName":"Afdeling"},{"required":false,"placeholder":"","lines":0,"helpTexts":{"prefix":"","postfix":"Vul de naam van de contactpersoon"},"spacing":{},"type":"textBox","name":"Naam","label":"Naam","fullyQualifiedName":"Naam"},{"required":false,"placeholder":"","lines":0,"helpTexts":{"prefix":"","postfix":""},"spacing":{},"type":"textBox","name":"Adres","label":"Adres","fullyQualifiedName":"Adres"},{"required":false,"placeholder":"","lines":0,"helpTexts":{"prefix":"","postfix":""},"spacing":{},"type":"textBox","name":"Postcode","label":"Postcode","fullyQualifiedName":"Postcode"},{"required":false,"placeholder":"","lines":0,"helpTexts":{"prefix":"","postfix":""},"spacing":{},"type":"textBox","name":"Plaats","label":"Plaats","fullyQualifiedName":"Plaats"},{"required":false,"placeholder":"","lines":0,"helpTexts":{"prefix":"","postfix":"Invullen indien brief naar buitenland verstuurd wordt."},"spacing":{},"type":"textBox","name":"Land","label":"Land","fullyQualifiedName":"Land"},{"dataSource":"Aanhef","displayColumn":"aanhef","hideIfNoUserInteractionRequired":false,"distinct":true,"required":false,"autoSelectFirstOption":false,"helpTexts":{"prefix":"","postfix":""},"spacing":{},"type":"dropDown","name":"Aanhef","label":"Aanhef","fullyQualifiedName":"Aanhef"},{"required":false,"placeholder":"","lines":0,"defaultValue":"Beste","helpTexts":{"prefix":"","postfix":""},"spacing":{},"type":"textBox","name":"AanhefBeste","label":"Je kan keuze maken voor deze aanheft 'Beste'\"","fullyQualifiedName":"AanhefBeste"},{"required":false,"placeholder":"","lines":0,"helpTexts":{"prefix":"","postfix":"Voorbeeld: Van den Burg Voorbeeld: Van den Burg, beste Arnold"},"spacing":{},"type":"textBox","name":"NaamAchterAanhef","label":"Naam achter aanhef","fullyQualifiedName":"NaamAchterAanhef"},{"helpTexts":{"prefix":"","postfix":""},"spacing":{},"type":"heading","name":"Briefgegevens","label":"Briefgegevens","fullyQualifiedName":"Briefgegevens"},{"required":false,"helpTexts":{"prefix":"","postfix":""},"spacing":{},"type":"datePicker","name":"Datum","label":"Datum","fullyQualifiedName":"Datum"},{"required":false,"placeholder":"","lines":0,"helpTexts":{"prefix":"","postfix":"Wordt ingevuld door BS."},"spacing":{},"type":"textBox","name":"Kenmerk","label":"Kenmerk","fullyQualifiedName":"Kenmerk"},{"required":false,"placeholder":"","lines":0,"helpTexts":{"prefix":"","postfix":""},"spacing":{},"type":"textBox","name":"UwKenmerk","label":"Uw kenmerk","fullyQualifiedName":"UwKenmerk"},{"required":false,"placeholder":"","lines":0,"helpTexts":{"prefix":"","postfix":"Dit kan het doorkiesnummer of e-mail adres zijn van de contactpersoon binnen VBN"},"spacing":{},"type":"textBox","name":"Contactgegevens","label":"Contactgegevens","fullyQualifiedName":"Contactgegevens"},{"required":true,"placeholder":"","lines":0,"helpTexts":{"prefix":"","postfix":""},"spacing":{},"type":"textBox","name":"Betreft","label":"Betreft","fullyQualifiedName":"Betreft"},{"required":true,"placeholder":"","lines":0,"helpTexts":{"prefix":"","postfix":""},"spacing":{},"type":"textBox","name":"NaamOndertekenaar","label":"Naam ondertekenaar","fullyQualifiedName":"NaamOndertekenaar"},{"required":true,"placeholder":"","lines":0,"helpTexts":{"prefix":"","postfix":""},"spacing":{},"type":"textBox","name":"FunctieOndertekenaar","label":"Functie ondertekenaar","fullyQualifiedName":"FunctieOndertekenaar"}],"formDataEntries":[{"name":"Bedrijfsnaam","value":"hp/E935E/pJbKkl/jlRSaDZ5gRUJH0o443ffceOvqHQ="},{"name":"Afdeling","value":"aXf5SMKdz9TLxsyKZerd7w=="},{"name":"Naam","value":"uGamwsiQtjhbBBrA2haLHg=="},{"name":"Adres","value":"DqL8IySYZLv5QMAUjzZAJQ=="},{"name":"Postcode","value":"hShq6G52QXR0H/xzbedumg=="},{"name":"Plaats","value":"BaMh1EVmhejxpbQDMviTzQ=="},{"name":"Aanhef","value":"QV/hVCyG1X6/JQRkMC5new=="},{"name":"AanhefBeste","value":"Tsbh/sWR3cChnR8xli6Y6A=="},{"name":"NaamAchterAanhef","value":"Ee77L3dKRelMoIO5aCZPJQ=="},{"name":"Datum","value":"Mq+2NmuaOaHLQu59EvBTLw=="},{"name":"Betreft","value":"4NDljZqOMAePRuCCB3YS1gRoXYEO5Goa6qPYwpO1i2jk15zJ9ypfnU5uZK6JugSP"},{"name":"NaamOndertekenaar","value":"FGBSKt1xyvJBEqhCHEdlvw=="},{"name":"FunctieOndertekenaar","value":"ew4CrDTKY3H965R++tqCV1bRAS2+6/tnPrJwJK4ebD8="}]}]]></TemplafyFormConfiguration>
</file>

<file path=customXml/itemProps1.xml><?xml version="1.0" encoding="utf-8"?>
<ds:datastoreItem xmlns:ds="http://schemas.openxmlformats.org/officeDocument/2006/customXml" ds:itemID="{585824F0-A3AC-4E32-8FEA-BEB8179998FE}">
  <ds:schemaRefs>
    <ds:schemaRef ds:uri="http://schemas.microsoft.com/sharepoint/v3/contenttype/forms"/>
  </ds:schemaRefs>
</ds:datastoreItem>
</file>

<file path=customXml/itemProps2.xml><?xml version="1.0" encoding="utf-8"?>
<ds:datastoreItem xmlns:ds="http://schemas.openxmlformats.org/officeDocument/2006/customXml" ds:itemID="{326DFA12-B2B6-4974-88FC-2FB2D215584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97f7b9a-a5e1-4e2c-8cd3-c9b10db00d42"/>
    <ds:schemaRef ds:uri="f2f02d35-513b-4075-95f2-c892befd36c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2462060-2935-4E1E-8153-99EB291F178E}">
  <ds:schemaRefs>
    <ds:schemaRef ds:uri="297f7b9a-a5e1-4e2c-8cd3-c9b10db00d42"/>
    <ds:schemaRef ds:uri="http://www.w3.org/XML/1998/namespace"/>
    <ds:schemaRef ds:uri="http://purl.org/dc/elements/1.1/"/>
    <ds:schemaRef ds:uri="http://schemas.microsoft.com/office/2006/metadata/properties"/>
    <ds:schemaRef ds:uri="http://purl.org/dc/dcmitype/"/>
    <ds:schemaRef ds:uri="http://purl.org/dc/terms/"/>
    <ds:schemaRef ds:uri="http://schemas.microsoft.com/office/2006/documentManagement/types"/>
    <ds:schemaRef ds:uri="http://schemas.microsoft.com/office/infopath/2007/PartnerControls"/>
    <ds:schemaRef ds:uri="http://schemas.openxmlformats.org/package/2006/metadata/core-properties"/>
    <ds:schemaRef ds:uri="f2f02d35-513b-4075-95f2-c892befd36c7"/>
  </ds:schemaRefs>
</ds:datastoreItem>
</file>

<file path=customXml/itemProps4.xml><?xml version="1.0" encoding="utf-8"?>
<ds:datastoreItem xmlns:ds="http://schemas.openxmlformats.org/officeDocument/2006/customXml" ds:itemID="{FC227BBF-B07A-41BA-980A-BCEC3DDB9562}">
  <ds:schemaRefs/>
</ds:datastoreItem>
</file>

<file path=customXml/itemProps5.xml><?xml version="1.0" encoding="utf-8"?>
<ds:datastoreItem xmlns:ds="http://schemas.openxmlformats.org/officeDocument/2006/customXml" ds:itemID="{2D81A9C5-43FF-4785-8B87-47BEDF7E52EE}">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726</Words>
  <Characters>3994</Characters>
  <Application>Microsoft Office Word</Application>
  <DocSecurity>0</DocSecurity>
  <Lines>33</Lines>
  <Paragraphs>9</Paragraphs>
  <ScaleCrop>false</ScaleCrop>
  <Company/>
  <LinksUpToDate>false</LinksUpToDate>
  <CharactersWithSpaces>47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nieuw zonder logo VBN</dc:title>
  <dc:subject/>
  <dc:creator>Jeffrey Brand</dc:creator>
  <cp:keywords/>
  <dc:description/>
  <cp:lastModifiedBy>Mariel Verburg</cp:lastModifiedBy>
  <cp:revision>2</cp:revision>
  <cp:lastPrinted>2017-12-05T04:25:00Z</cp:lastPrinted>
  <dcterms:created xsi:type="dcterms:W3CDTF">2022-03-29T12:06:00Z</dcterms:created>
  <dcterms:modified xsi:type="dcterms:W3CDTF">2022-03-29T12: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D2E06F89CBF174DB6E54C708978B4D0</vt:lpwstr>
  </property>
  <property fmtid="{D5CDD505-2E9C-101B-9397-08002B2CF9AE}" pid="3" name="_dlc_DocIdItemGuid">
    <vt:lpwstr>d03d8682-80d7-4ae1-8fd1-9386bfad3a08</vt:lpwstr>
  </property>
  <property fmtid="{D5CDD505-2E9C-101B-9397-08002B2CF9AE}" pid="4" name="TemplafyTenantId">
    <vt:lpwstr>vogelbescherming</vt:lpwstr>
  </property>
  <property fmtid="{D5CDD505-2E9C-101B-9397-08002B2CF9AE}" pid="5" name="TemplafyTemplateId">
    <vt:lpwstr>637376767210079630</vt:lpwstr>
  </property>
  <property fmtid="{D5CDD505-2E9C-101B-9397-08002B2CF9AE}" pid="6" name="TemplafyUserProfileId">
    <vt:lpwstr>637465711124203535</vt:lpwstr>
  </property>
  <property fmtid="{D5CDD505-2E9C-101B-9397-08002B2CF9AE}" pid="7" name="TemplafyLanguageCode">
    <vt:lpwstr>nl-NL</vt:lpwstr>
  </property>
</Properties>
</file>